
<file path=[Content_Types].xml><?xml version="1.0" encoding="utf-8"?>
<Types xmlns="http://schemas.openxmlformats.org/package/2006/content-types">
  <Default Extension="png" ContentType="image/png"/>
  <Default Extension="bin" ContentType="image/jpeg"/>
  <Default Extension="jpeg" ContentType="image/jpeg"/>
  <Default Extension="rels" ContentType="application/vnd.openxmlformats-package.relationships+xml"/>
  <Default Extension="xml" ContentType="application/xml"/>
  <Default Extension="jpg" ContentType="image/jpe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8"/>
  </p:sldMasterIdLst>
  <p:notesMasterIdLst>
    <p:notesMasterId r:id="rId28"/>
  </p:notesMasterIdLst>
  <p:sldIdLst>
    <p:sldId id="259" r:id="rId9"/>
    <p:sldId id="276" r:id="rId10"/>
    <p:sldId id="277" r:id="rId11"/>
    <p:sldId id="261" r:id="rId12"/>
    <p:sldId id="262" r:id="rId13"/>
    <p:sldId id="264" r:id="rId14"/>
    <p:sldId id="265" r:id="rId15"/>
    <p:sldId id="280" r:id="rId16"/>
    <p:sldId id="266" r:id="rId17"/>
    <p:sldId id="267" r:id="rId18"/>
    <p:sldId id="268" r:id="rId19"/>
    <p:sldId id="281" r:id="rId20"/>
    <p:sldId id="269" r:id="rId21"/>
    <p:sldId id="270" r:id="rId22"/>
    <p:sldId id="271" r:id="rId23"/>
    <p:sldId id="279" r:id="rId24"/>
    <p:sldId id="274" r:id="rId25"/>
    <p:sldId id="275" r:id="rId26"/>
    <p:sldId id="272" r:id="rId27"/>
  </p:sldIdLst>
  <p:sldSz cx="12192000" cy="6858000"/>
  <p:notesSz cx="6805613" cy="9939338"/>
  <p:defaultTextStyle>
    <a:defPPr>
      <a:defRPr lang="nl-NL"/>
    </a:defPPr>
    <a:lvl1pPr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1pPr>
    <a:lvl2pPr marL="4572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2pPr>
    <a:lvl3pPr marL="9144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3pPr>
    <a:lvl4pPr marL="13716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4pPr>
    <a:lvl5pPr marL="18288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5pPr>
    <a:lvl6pPr marL="2286000" algn="l" defTabSz="914400" rtl="0" eaLnBrk="1" latinLnBrk="0" hangingPunct="1">
      <a:defRPr kern="1200">
        <a:solidFill>
          <a:schemeClr val="tx1"/>
        </a:solidFill>
        <a:latin typeface="Calibri" panose="020F0502020204030204" pitchFamily="34" charset="0"/>
        <a:ea typeface="+mn-ea"/>
        <a:cs typeface="+mn-cs"/>
      </a:defRPr>
    </a:lvl6pPr>
    <a:lvl7pPr marL="2743200" algn="l" defTabSz="914400" rtl="0" eaLnBrk="1" latinLnBrk="0" hangingPunct="1">
      <a:defRPr kern="1200">
        <a:solidFill>
          <a:schemeClr val="tx1"/>
        </a:solidFill>
        <a:latin typeface="Calibri" panose="020F0502020204030204" pitchFamily="34" charset="0"/>
        <a:ea typeface="+mn-ea"/>
        <a:cs typeface="+mn-cs"/>
      </a:defRPr>
    </a:lvl7pPr>
    <a:lvl8pPr marL="3200400" algn="l" defTabSz="914400" rtl="0" eaLnBrk="1" latinLnBrk="0" hangingPunct="1">
      <a:defRPr kern="1200">
        <a:solidFill>
          <a:schemeClr val="tx1"/>
        </a:solidFill>
        <a:latin typeface="Calibri" panose="020F0502020204030204" pitchFamily="34" charset="0"/>
        <a:ea typeface="+mn-ea"/>
        <a:cs typeface="+mn-cs"/>
      </a:defRPr>
    </a:lvl8pPr>
    <a:lvl9pPr marL="3657600" algn="l" defTabSz="914400" rtl="0" eaLnBrk="1" latinLnBrk="0" hangingPunct="1">
      <a:defRPr kern="1200">
        <a:solidFill>
          <a:schemeClr val="tx1"/>
        </a:solidFill>
        <a:latin typeface="Calibri" panose="020F050202020403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N. Pol" initials="NP" lastIdx="5" clrIdx="0"/>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C2074"/>
    <a:srgbClr val="FFFF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3440508-977A-4C13-833D-1DFEA36A392E}" v="498" dt="2021-11-17T10:05:45.546"/>
    <p1510:client id="{73CAAEAD-3389-4BE5-8B8C-272D2702D5F5}" v="77" dt="2021-11-16T13:34:15.513"/>
    <p1510:client id="{DF810FFF-E37A-46DD-B778-CDB764D04AF9}" v="65" dt="2021-11-16T14:15:23.437"/>
    <p1510:client id="{FE28E140-0BC7-4AC6-8AC2-5983C3D2CD03}" v="431" dt="2021-11-17T10:36:11.728"/>
  </p1510:revLst>
</p1510:revInfo>
</file>

<file path=ppt/tableStyles.xml><?xml version="1.0" encoding="utf-8"?>
<a:tblStyleLst xmlns:a="http://schemas.openxmlformats.org/drawingml/2006/main" def="{5C22544A-7EE6-4342-B048-85BDC9FD1C3A}">
  <a:tblStyle styleId="{5C22544A-7EE6-4342-B048-85BDC9FD1C3A}" styleName="Stijl, gemiddeld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014" autoAdjust="0"/>
    <p:restoredTop sz="94660"/>
  </p:normalViewPr>
  <p:slideViewPr>
    <p:cSldViewPr snapToGrid="0">
      <p:cViewPr varScale="1">
        <p:scale>
          <a:sx n="111" d="100"/>
          <a:sy n="111" d="100"/>
        </p:scale>
        <p:origin x="510" y="78"/>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 Type="http://schemas.openxmlformats.org/officeDocument/2006/relationships/customXml" Target="../customXml/item3.xml"/><Relationship Id="rId21" Type="http://schemas.openxmlformats.org/officeDocument/2006/relationships/slide" Target="slides/slide13.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commentAuthors" Target="commentAuthor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notesMaster" Target="notesMasters/notesMaster1.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presProps" Target="presProps.xml"/></Relationships>
</file>

<file path=ppt/charts/_rels/chart1.xml.rels><?xml version="1.0" encoding="UTF-8" standalone="yes"?>
<Relationships xmlns="http://schemas.openxmlformats.org/package/2006/relationships"><Relationship Id="rId3" Type="http://schemas.openxmlformats.org/officeDocument/2006/relationships/oleObject" Target="Map1"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Map1"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NULL" TargetMode="External"/><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oleObject" Target="Map1" TargetMode="External"/><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oleObject" Target="Map1" TargetMode="External"/><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3" Type="http://schemas.openxmlformats.org/officeDocument/2006/relationships/oleObject" Target="Map1" TargetMode="External"/><Relationship Id="rId2" Type="http://schemas.microsoft.com/office/2011/relationships/chartColorStyle" Target="colors6.xml"/><Relationship Id="rId1" Type="http://schemas.microsoft.com/office/2011/relationships/chartStyle" Target="style6.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nl-NL"/>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nl-NL"/>
              <a:t>Weet je wat laaggeletterdheid is? </a:t>
            </a:r>
          </a:p>
        </c:rich>
      </c:tx>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nl-NL"/>
        </a:p>
      </c:txPr>
    </c:title>
    <c:autoTitleDeleted val="0"/>
    <c:plotArea>
      <c:layout/>
      <c:barChart>
        <c:barDir val="col"/>
        <c:grouping val="clustered"/>
        <c:varyColors val="0"/>
        <c:ser>
          <c:idx val="0"/>
          <c:order val="0"/>
          <c:tx>
            <c:strRef>
              <c:f>Sheet1!$C$1:$C$2</c:f>
              <c:strCache>
                <c:ptCount val="2"/>
                <c:pt idx="0">
                  <c:v>Weet je wat laaggeletterdheid is?</c:v>
                </c:pt>
                <c:pt idx="1">
                  <c:v>Aantal</c:v>
                </c:pt>
              </c:strCache>
            </c:strRef>
          </c:tx>
          <c:spPr>
            <a:solidFill>
              <a:schemeClr val="accent1"/>
            </a:solidFill>
            <a:ln>
              <a:noFill/>
            </a:ln>
            <a:effectLst/>
          </c:spPr>
          <c:invertIfNegative val="0"/>
          <c:cat>
            <c:strRef>
              <c:f>Sheet1!$B$3:$B$4</c:f>
              <c:strCache>
                <c:ptCount val="2"/>
                <c:pt idx="0">
                  <c:v>ja</c:v>
                </c:pt>
                <c:pt idx="1">
                  <c:v>ongeveer</c:v>
                </c:pt>
              </c:strCache>
            </c:strRef>
          </c:cat>
          <c:val>
            <c:numRef>
              <c:f>Sheet1!$C$3:$C$4</c:f>
              <c:numCache>
                <c:formatCode>General</c:formatCode>
                <c:ptCount val="2"/>
                <c:pt idx="0">
                  <c:v>18</c:v>
                </c:pt>
                <c:pt idx="1">
                  <c:v>3</c:v>
                </c:pt>
              </c:numCache>
            </c:numRef>
          </c:val>
          <c:extLst>
            <c:ext xmlns:c16="http://schemas.microsoft.com/office/drawing/2014/chart" uri="{C3380CC4-5D6E-409C-BE32-E72D297353CC}">
              <c16:uniqueId val="{00000000-206B-4D8B-87BB-65E35B49DFCA}"/>
            </c:ext>
          </c:extLst>
        </c:ser>
        <c:dLbls>
          <c:showLegendKey val="0"/>
          <c:showVal val="0"/>
          <c:showCatName val="0"/>
          <c:showSerName val="0"/>
          <c:showPercent val="0"/>
          <c:showBubbleSize val="0"/>
        </c:dLbls>
        <c:gapWidth val="219"/>
        <c:overlap val="-27"/>
        <c:axId val="533515864"/>
        <c:axId val="533512912"/>
      </c:barChart>
      <c:catAx>
        <c:axId val="53351586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l-NL"/>
          </a:p>
        </c:txPr>
        <c:crossAx val="533512912"/>
        <c:crosses val="autoZero"/>
        <c:auto val="1"/>
        <c:lblAlgn val="ctr"/>
        <c:lblOffset val="100"/>
        <c:noMultiLvlLbl val="0"/>
      </c:catAx>
      <c:valAx>
        <c:axId val="533512912"/>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l-NL"/>
          </a:p>
        </c:txPr>
        <c:crossAx val="533515864"/>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nl-NL"/>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nl-NL"/>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nl-NL"/>
              <a:t>Herken je een patiënt die laaggeletterd is?</a:t>
            </a:r>
          </a:p>
        </c:rich>
      </c:tx>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nl-NL"/>
        </a:p>
      </c:txPr>
    </c:title>
    <c:autoTitleDeleted val="0"/>
    <c:plotArea>
      <c:layout/>
      <c:barChart>
        <c:barDir val="col"/>
        <c:grouping val="clustered"/>
        <c:varyColors val="0"/>
        <c:ser>
          <c:idx val="0"/>
          <c:order val="0"/>
          <c:tx>
            <c:strRef>
              <c:f>Sheet1!$D$7:$D$8</c:f>
              <c:strCache>
                <c:ptCount val="2"/>
                <c:pt idx="0">
                  <c:v>Herken je een patiënt die laaggeletterd is?</c:v>
                </c:pt>
                <c:pt idx="1">
                  <c:v>Aantal</c:v>
                </c:pt>
              </c:strCache>
            </c:strRef>
          </c:tx>
          <c:spPr>
            <a:solidFill>
              <a:schemeClr val="accent1"/>
            </a:solidFill>
            <a:ln>
              <a:noFill/>
            </a:ln>
            <a:effectLst/>
          </c:spPr>
          <c:invertIfNegative val="0"/>
          <c:cat>
            <c:strRef>
              <c:f>Sheet1!$B$9:$C$11</c:f>
              <c:strCache>
                <c:ptCount val="3"/>
                <c:pt idx="0">
                  <c:v>nee</c:v>
                </c:pt>
                <c:pt idx="1">
                  <c:v>ja</c:v>
                </c:pt>
                <c:pt idx="2">
                  <c:v>Niet ingevuld</c:v>
                </c:pt>
              </c:strCache>
            </c:strRef>
          </c:cat>
          <c:val>
            <c:numRef>
              <c:f>Sheet1!$D$9:$D$11</c:f>
              <c:numCache>
                <c:formatCode>General</c:formatCode>
                <c:ptCount val="3"/>
                <c:pt idx="0">
                  <c:v>6</c:v>
                </c:pt>
                <c:pt idx="1">
                  <c:v>10</c:v>
                </c:pt>
                <c:pt idx="2">
                  <c:v>5</c:v>
                </c:pt>
              </c:numCache>
            </c:numRef>
          </c:val>
          <c:extLst>
            <c:ext xmlns:c16="http://schemas.microsoft.com/office/drawing/2014/chart" uri="{C3380CC4-5D6E-409C-BE32-E72D297353CC}">
              <c16:uniqueId val="{00000000-9361-4929-937F-6509A3B433E1}"/>
            </c:ext>
          </c:extLst>
        </c:ser>
        <c:dLbls>
          <c:showLegendKey val="0"/>
          <c:showVal val="0"/>
          <c:showCatName val="0"/>
          <c:showSerName val="0"/>
          <c:showPercent val="0"/>
          <c:showBubbleSize val="0"/>
        </c:dLbls>
        <c:gapWidth val="219"/>
        <c:overlap val="-27"/>
        <c:axId val="527298024"/>
        <c:axId val="527295400"/>
      </c:barChart>
      <c:catAx>
        <c:axId val="52729802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l-NL"/>
          </a:p>
        </c:txPr>
        <c:crossAx val="527295400"/>
        <c:crosses val="autoZero"/>
        <c:auto val="1"/>
        <c:lblAlgn val="ctr"/>
        <c:lblOffset val="100"/>
        <c:noMultiLvlLbl val="0"/>
      </c:catAx>
      <c:valAx>
        <c:axId val="527295400"/>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l-NL"/>
          </a:p>
        </c:txPr>
        <c:crossAx val="527298024"/>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nl-NL"/>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nl-NL"/>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baseline="0" dirty="0" err="1"/>
              <a:t>Hoeveel</a:t>
            </a:r>
            <a:r>
              <a:rPr lang="en-US" baseline="0" dirty="0"/>
              <a:t> </a:t>
            </a:r>
            <a:r>
              <a:rPr lang="en-US" baseline="0" dirty="0" err="1"/>
              <a:t>procent</a:t>
            </a:r>
            <a:r>
              <a:rPr lang="en-US" baseline="0" dirty="0"/>
              <a:t> van </a:t>
            </a:r>
            <a:r>
              <a:rPr lang="en-US" baseline="0" dirty="0" err="1"/>
              <a:t>jouw</a:t>
            </a:r>
            <a:r>
              <a:rPr lang="en-US" baseline="0" dirty="0"/>
              <a:t> </a:t>
            </a:r>
            <a:r>
              <a:rPr lang="en-US" baseline="0" dirty="0" err="1" smtClean="0"/>
              <a:t>patiëntenpopulatie</a:t>
            </a:r>
            <a:r>
              <a:rPr lang="en-US" baseline="0" dirty="0" smtClean="0"/>
              <a:t> </a:t>
            </a:r>
            <a:r>
              <a:rPr lang="en-US" baseline="0" dirty="0"/>
              <a:t>is </a:t>
            </a:r>
            <a:r>
              <a:rPr lang="en-US" baseline="0" dirty="0" err="1" smtClean="0"/>
              <a:t>laaggeletterd</a:t>
            </a:r>
            <a:r>
              <a:rPr lang="en-US" baseline="0" dirty="0" smtClean="0"/>
              <a:t>?</a:t>
            </a:r>
            <a:endParaRPr lang="en-US" dirty="0"/>
          </a:p>
        </c:rich>
      </c:tx>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nl-NL"/>
        </a:p>
      </c:txPr>
    </c:title>
    <c:autoTitleDeleted val="0"/>
    <c:plotArea>
      <c:layout/>
      <c:pieChart>
        <c:varyColors val="1"/>
        <c:ser>
          <c:idx val="0"/>
          <c:order val="0"/>
          <c:dPt>
            <c:idx val="0"/>
            <c:bubble3D val="0"/>
            <c:spPr>
              <a:noFill/>
              <a:ln w="19050">
                <a:solidFill>
                  <a:schemeClr val="lt1"/>
                </a:solidFill>
              </a:ln>
              <a:effectLst/>
            </c:spPr>
            <c:extLst>
              <c:ext xmlns:c16="http://schemas.microsoft.com/office/drawing/2014/chart" uri="{C3380CC4-5D6E-409C-BE32-E72D297353CC}">
                <c16:uniqueId val="{00000001-EB1F-4E9F-A387-B05D22AB3D4B}"/>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EB1F-4E9F-A387-B05D22AB3D4B}"/>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EB1F-4E9F-A387-B05D22AB3D4B}"/>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EB1F-4E9F-A387-B05D22AB3D4B}"/>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A193-4BD3-872A-C36DE4840EBE}"/>
              </c:ext>
            </c:extLst>
          </c:dPt>
          <c:dLbls>
            <c:spPr>
              <a:noFill/>
              <a:ln>
                <a:noFill/>
              </a:ln>
              <a:effectLst/>
            </c:spPr>
            <c:txPr>
              <a:bodyPr rot="0" spcFirstLastPara="1" vertOverflow="ellipsis" vert="horz" wrap="square" lIns="38100" tIns="19050" rIns="38100" bIns="19050" anchor="ctr" anchorCtr="1">
                <a:spAutoFit/>
              </a:bodyPr>
              <a:lstStyle/>
              <a:p>
                <a:pPr>
                  <a:defRPr sz="1050" b="1" i="0" u="none" strike="noStrike" kern="1200" baseline="0">
                    <a:solidFill>
                      <a:schemeClr val="tx1">
                        <a:lumMod val="75000"/>
                        <a:lumOff val="25000"/>
                      </a:schemeClr>
                    </a:solidFill>
                    <a:latin typeface="+mn-lt"/>
                    <a:ea typeface="+mn-ea"/>
                    <a:cs typeface="+mn-cs"/>
                  </a:defRPr>
                </a:pPr>
                <a:endParaRPr lang="nl-NL"/>
              </a:p>
            </c:txPr>
            <c:dLblPos val="bestFit"/>
            <c:showLegendKey val="0"/>
            <c:showVal val="1"/>
            <c:showCatName val="0"/>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15:layout/>
              </c:ext>
            </c:extLst>
          </c:dLbls>
          <c:cat>
            <c:strLit>
              <c:ptCount val="5"/>
              <c:pt idx="1">
                <c:v>geen</c:v>
              </c:pt>
              <c:pt idx="2">
                <c:v>tussen de 1-10%</c:v>
              </c:pt>
              <c:pt idx="3">
                <c:v>tussen de 11-20%</c:v>
              </c:pt>
              <c:pt idx="4">
                <c:v>meer dan 21 %</c:v>
              </c:pt>
            </c:strLit>
          </c:cat>
          <c:val>
            <c:numLit>
              <c:formatCode>General</c:formatCode>
              <c:ptCount val="5"/>
              <c:pt idx="0">
                <c:v>0</c:v>
              </c:pt>
              <c:pt idx="1">
                <c:v>1</c:v>
              </c:pt>
              <c:pt idx="2">
                <c:v>6</c:v>
              </c:pt>
              <c:pt idx="3">
                <c:v>9</c:v>
              </c:pt>
              <c:pt idx="4">
                <c:v>5</c:v>
              </c:pt>
            </c:numLit>
          </c:val>
          <c:extLst>
            <c:ext xmlns:c16="http://schemas.microsoft.com/office/drawing/2014/chart" uri="{C3380CC4-5D6E-409C-BE32-E72D297353CC}">
              <c16:uniqueId val="{00000008-EB1F-4E9F-A387-B05D22AB3D4B}"/>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79314017388451441"/>
          <c:y val="0.55105877757447419"/>
          <c:w val="0.15123948324458103"/>
          <c:h val="0.32750375197878334"/>
        </c:manualLayout>
      </c:layout>
      <c:overlay val="0"/>
      <c:spPr>
        <a:noFill/>
        <a:ln>
          <a:noFill/>
        </a:ln>
        <a:effectLst/>
      </c:spPr>
      <c:txPr>
        <a:bodyPr rot="0" spcFirstLastPara="1" vertOverflow="ellipsis" vert="horz" wrap="square" anchor="ctr" anchorCtr="1"/>
        <a:lstStyle/>
        <a:p>
          <a:pPr rtl="0">
            <a:defRPr sz="1100" b="0" i="0" u="none" strike="noStrike" kern="1200" baseline="0">
              <a:solidFill>
                <a:schemeClr val="tx1">
                  <a:lumMod val="65000"/>
                  <a:lumOff val="35000"/>
                </a:schemeClr>
              </a:solidFill>
              <a:latin typeface="+mn-lt"/>
              <a:ea typeface="+mn-ea"/>
              <a:cs typeface="+mn-cs"/>
            </a:defRPr>
          </a:pPr>
          <a:endParaRPr lang="nl-NL"/>
        </a:p>
      </c:txPr>
    </c:legend>
    <c:plotVisOnly val="1"/>
    <c:dispBlanksAs val="gap"/>
    <c:showDLblsOverMax val="0"/>
  </c:chart>
  <c:spPr>
    <a:noFill/>
    <a:ln>
      <a:noFill/>
    </a:ln>
    <a:effectLst/>
  </c:spPr>
  <c:txPr>
    <a:bodyPr/>
    <a:lstStyle/>
    <a:p>
      <a:pPr>
        <a:defRPr/>
      </a:pPr>
      <a:endParaRPr lang="nl-NL"/>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nl-NL"/>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nl-NL"/>
              <a:t>Op een schaal van 0 tot 10, hoe toegerust voel je je om laaggeletterde patienten te woord te staan? </a:t>
            </a:r>
          </a:p>
        </c:rich>
      </c:tx>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nl-NL"/>
        </a:p>
      </c:txPr>
    </c:title>
    <c:autoTitleDeleted val="0"/>
    <c:plotArea>
      <c:layout/>
      <c:barChart>
        <c:barDir val="col"/>
        <c:grouping val="clustered"/>
        <c:varyColors val="0"/>
        <c:ser>
          <c:idx val="0"/>
          <c:order val="0"/>
          <c:spPr>
            <a:solidFill>
              <a:schemeClr val="accent1"/>
            </a:solidFill>
            <a:ln>
              <a:noFill/>
            </a:ln>
            <a:effectLst/>
          </c:spPr>
          <c:invertIfNegative val="0"/>
          <c:cat>
            <c:numRef>
              <c:f>Sheet1!$C$17:$C$22</c:f>
              <c:numCache>
                <c:formatCode>General</c:formatCode>
                <c:ptCount val="6"/>
                <c:pt idx="0">
                  <c:v>2</c:v>
                </c:pt>
                <c:pt idx="1">
                  <c:v>4</c:v>
                </c:pt>
                <c:pt idx="2">
                  <c:v>5</c:v>
                </c:pt>
                <c:pt idx="3">
                  <c:v>6</c:v>
                </c:pt>
                <c:pt idx="4">
                  <c:v>7</c:v>
                </c:pt>
                <c:pt idx="5">
                  <c:v>8</c:v>
                </c:pt>
              </c:numCache>
            </c:numRef>
          </c:cat>
          <c:val>
            <c:numRef>
              <c:f>Sheet1!$D$17:$D$22</c:f>
              <c:numCache>
                <c:formatCode>General</c:formatCode>
                <c:ptCount val="6"/>
                <c:pt idx="0">
                  <c:v>1</c:v>
                </c:pt>
                <c:pt idx="1">
                  <c:v>2</c:v>
                </c:pt>
                <c:pt idx="2">
                  <c:v>3</c:v>
                </c:pt>
                <c:pt idx="3">
                  <c:v>6</c:v>
                </c:pt>
                <c:pt idx="4">
                  <c:v>5</c:v>
                </c:pt>
                <c:pt idx="5">
                  <c:v>4</c:v>
                </c:pt>
              </c:numCache>
            </c:numRef>
          </c:val>
          <c:extLst>
            <c:ext xmlns:c16="http://schemas.microsoft.com/office/drawing/2014/chart" uri="{C3380CC4-5D6E-409C-BE32-E72D297353CC}">
              <c16:uniqueId val="{00000000-A504-4F1C-A807-0C5516088F00}"/>
            </c:ext>
          </c:extLst>
        </c:ser>
        <c:dLbls>
          <c:showLegendKey val="0"/>
          <c:showVal val="0"/>
          <c:showCatName val="0"/>
          <c:showSerName val="0"/>
          <c:showPercent val="0"/>
          <c:showBubbleSize val="0"/>
        </c:dLbls>
        <c:gapWidth val="219"/>
        <c:overlap val="-27"/>
        <c:axId val="791140616"/>
        <c:axId val="791139632"/>
      </c:barChart>
      <c:catAx>
        <c:axId val="79114061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l-NL"/>
          </a:p>
        </c:txPr>
        <c:crossAx val="791139632"/>
        <c:crosses val="autoZero"/>
        <c:auto val="1"/>
        <c:lblAlgn val="ctr"/>
        <c:lblOffset val="100"/>
        <c:noMultiLvlLbl val="0"/>
      </c:catAx>
      <c:valAx>
        <c:axId val="791139632"/>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l-NL"/>
          </a:p>
        </c:txPr>
        <c:crossAx val="791140616"/>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nl-NL"/>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nl-NL"/>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nl-NL"/>
              <a:t>Hoe vaak heb je in de afgelopen maand gebruik gemaakt van een hulpmiddel/hulmiddelen? </a:t>
            </a:r>
          </a:p>
        </c:rich>
      </c:tx>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nl-NL"/>
        </a:p>
      </c:txPr>
    </c:title>
    <c:autoTitleDeleted val="0"/>
    <c:plotArea>
      <c:layout/>
      <c:barChart>
        <c:barDir val="col"/>
        <c:grouping val="clustered"/>
        <c:varyColors val="0"/>
        <c:ser>
          <c:idx val="0"/>
          <c:order val="0"/>
          <c:spPr>
            <a:solidFill>
              <a:schemeClr val="accent1"/>
            </a:solidFill>
            <a:ln>
              <a:noFill/>
            </a:ln>
            <a:effectLst/>
          </c:spPr>
          <c:invertIfNegative val="0"/>
          <c:cat>
            <c:strRef>
              <c:f>Sheet1!$C$30:$C$33</c:f>
              <c:strCache>
                <c:ptCount val="4"/>
                <c:pt idx="0">
                  <c:v>niet</c:v>
                </c:pt>
                <c:pt idx="1">
                  <c:v>1-5 keer</c:v>
                </c:pt>
                <c:pt idx="2">
                  <c:v>6-10 keer</c:v>
                </c:pt>
                <c:pt idx="3">
                  <c:v>11 keer of meer</c:v>
                </c:pt>
              </c:strCache>
            </c:strRef>
          </c:cat>
          <c:val>
            <c:numRef>
              <c:f>Sheet1!$D$30:$D$33</c:f>
              <c:numCache>
                <c:formatCode>General</c:formatCode>
                <c:ptCount val="4"/>
                <c:pt idx="0">
                  <c:v>5</c:v>
                </c:pt>
                <c:pt idx="1">
                  <c:v>11</c:v>
                </c:pt>
                <c:pt idx="2">
                  <c:v>3</c:v>
                </c:pt>
                <c:pt idx="3">
                  <c:v>2</c:v>
                </c:pt>
              </c:numCache>
            </c:numRef>
          </c:val>
          <c:extLst>
            <c:ext xmlns:c16="http://schemas.microsoft.com/office/drawing/2014/chart" uri="{C3380CC4-5D6E-409C-BE32-E72D297353CC}">
              <c16:uniqueId val="{00000000-2D22-407C-B512-A1D7CFCB75D3}"/>
            </c:ext>
          </c:extLst>
        </c:ser>
        <c:dLbls>
          <c:showLegendKey val="0"/>
          <c:showVal val="0"/>
          <c:showCatName val="0"/>
          <c:showSerName val="0"/>
          <c:showPercent val="0"/>
          <c:showBubbleSize val="0"/>
        </c:dLbls>
        <c:gapWidth val="219"/>
        <c:overlap val="-27"/>
        <c:axId val="791135040"/>
        <c:axId val="791138320"/>
      </c:barChart>
      <c:catAx>
        <c:axId val="79113504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l-NL"/>
          </a:p>
        </c:txPr>
        <c:crossAx val="791138320"/>
        <c:crosses val="autoZero"/>
        <c:auto val="1"/>
        <c:lblAlgn val="ctr"/>
        <c:lblOffset val="100"/>
        <c:noMultiLvlLbl val="0"/>
      </c:catAx>
      <c:valAx>
        <c:axId val="791138320"/>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l-NL"/>
          </a:p>
        </c:txPr>
        <c:crossAx val="791135040"/>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nl-NL"/>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nl-NL"/>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nl-NL"/>
              <a:t>Hoe vaak per week heb je het vermoeden dat een patient je uitleg niet goed heeft</a:t>
            </a:r>
            <a:r>
              <a:rPr lang="nl-NL" baseline="0"/>
              <a:t> begrepen?</a:t>
            </a:r>
            <a:endParaRPr lang="nl-NL"/>
          </a:p>
        </c:rich>
      </c:tx>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nl-NL"/>
        </a:p>
      </c:txPr>
    </c:title>
    <c:autoTitleDeleted val="0"/>
    <c:plotArea>
      <c:layout/>
      <c:barChart>
        <c:barDir val="col"/>
        <c:grouping val="clustered"/>
        <c:varyColors val="0"/>
        <c:ser>
          <c:idx val="0"/>
          <c:order val="0"/>
          <c:spPr>
            <a:solidFill>
              <a:schemeClr val="accent1"/>
            </a:solidFill>
            <a:ln>
              <a:noFill/>
            </a:ln>
            <a:effectLst/>
          </c:spPr>
          <c:invertIfNegative val="0"/>
          <c:cat>
            <c:strRef>
              <c:f>Sheet1!$C$41:$C$42</c:f>
              <c:strCache>
                <c:ptCount val="2"/>
                <c:pt idx="0">
                  <c:v>af en toe</c:v>
                </c:pt>
                <c:pt idx="1">
                  <c:v>regelmatig</c:v>
                </c:pt>
              </c:strCache>
            </c:strRef>
          </c:cat>
          <c:val>
            <c:numRef>
              <c:f>Sheet1!$D$41:$D$42</c:f>
              <c:numCache>
                <c:formatCode>General</c:formatCode>
                <c:ptCount val="2"/>
                <c:pt idx="0">
                  <c:v>16</c:v>
                </c:pt>
                <c:pt idx="1">
                  <c:v>5</c:v>
                </c:pt>
              </c:numCache>
            </c:numRef>
          </c:val>
          <c:extLst>
            <c:ext xmlns:c16="http://schemas.microsoft.com/office/drawing/2014/chart" uri="{C3380CC4-5D6E-409C-BE32-E72D297353CC}">
              <c16:uniqueId val="{00000000-A932-41CB-80D0-BF13B2E824CC}"/>
            </c:ext>
          </c:extLst>
        </c:ser>
        <c:dLbls>
          <c:showLegendKey val="0"/>
          <c:showVal val="0"/>
          <c:showCatName val="0"/>
          <c:showSerName val="0"/>
          <c:showPercent val="0"/>
          <c:showBubbleSize val="0"/>
        </c:dLbls>
        <c:gapWidth val="219"/>
        <c:overlap val="-27"/>
        <c:axId val="527296056"/>
        <c:axId val="529930288"/>
      </c:barChart>
      <c:catAx>
        <c:axId val="52729605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l-NL"/>
          </a:p>
        </c:txPr>
        <c:crossAx val="529930288"/>
        <c:crosses val="autoZero"/>
        <c:auto val="1"/>
        <c:lblAlgn val="ctr"/>
        <c:lblOffset val="100"/>
        <c:noMultiLvlLbl val="0"/>
      </c:catAx>
      <c:valAx>
        <c:axId val="529930288"/>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nl-NL"/>
          </a:p>
        </c:txPr>
        <c:crossAx val="527296056"/>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nl-NL"/>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jdelijke aanduiding voor koptekst 1">
            <a:extLst>
              <a:ext uri="{FF2B5EF4-FFF2-40B4-BE49-F238E27FC236}">
                <a16:creationId xmlns:a16="http://schemas.microsoft.com/office/drawing/2014/main" id="{F36DB63A-7909-5A4B-A3D9-19581C21E06E}"/>
              </a:ext>
            </a:extLst>
          </p:cNvPr>
          <p:cNvSpPr>
            <a:spLocks noGrp="1"/>
          </p:cNvSpPr>
          <p:nvPr>
            <p:ph type="hdr" sz="quarter"/>
          </p:nvPr>
        </p:nvSpPr>
        <p:spPr>
          <a:xfrm>
            <a:off x="0" y="0"/>
            <a:ext cx="2949099" cy="498693"/>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nl-NL"/>
          </a:p>
        </p:txBody>
      </p:sp>
      <p:sp>
        <p:nvSpPr>
          <p:cNvPr id="3" name="Tijdelijke aanduiding voor datum 2">
            <a:extLst>
              <a:ext uri="{FF2B5EF4-FFF2-40B4-BE49-F238E27FC236}">
                <a16:creationId xmlns:a16="http://schemas.microsoft.com/office/drawing/2014/main" id="{A215842A-5020-0D4A-9EB1-C988770FE19C}"/>
              </a:ext>
            </a:extLst>
          </p:cNvPr>
          <p:cNvSpPr>
            <a:spLocks noGrp="1"/>
          </p:cNvSpPr>
          <p:nvPr>
            <p:ph type="dt" idx="1"/>
          </p:nvPr>
        </p:nvSpPr>
        <p:spPr>
          <a:xfrm>
            <a:off x="3854939" y="0"/>
            <a:ext cx="2949099" cy="498693"/>
          </a:xfrm>
          <a:prstGeom prst="rect">
            <a:avLst/>
          </a:prstGeom>
        </p:spPr>
        <p:txBody>
          <a:bodyPr vert="horz" lIns="91440" tIns="45720" rIns="91440" bIns="45720" rtlCol="0"/>
          <a:lstStyle>
            <a:lvl1pPr algn="r" eaLnBrk="1" fontAlgn="auto" hangingPunct="1">
              <a:spcBef>
                <a:spcPts val="0"/>
              </a:spcBef>
              <a:spcAft>
                <a:spcPts val="0"/>
              </a:spcAft>
              <a:defRPr sz="1200">
                <a:latin typeface="+mn-lt"/>
              </a:defRPr>
            </a:lvl1pPr>
          </a:lstStyle>
          <a:p>
            <a:pPr>
              <a:defRPr/>
            </a:pPr>
            <a:fld id="{91A17014-CD54-0642-BF63-EC3CE5B3257B}" type="datetimeFigureOut">
              <a:rPr lang="nl-NL"/>
              <a:pPr>
                <a:defRPr/>
              </a:pPr>
              <a:t>23-05-2022</a:t>
            </a:fld>
            <a:endParaRPr lang="nl-NL"/>
          </a:p>
        </p:txBody>
      </p:sp>
      <p:sp>
        <p:nvSpPr>
          <p:cNvPr id="4" name="Tijdelijke aanduiding voor dia-afbeelding 3">
            <a:extLst>
              <a:ext uri="{FF2B5EF4-FFF2-40B4-BE49-F238E27FC236}">
                <a16:creationId xmlns:a16="http://schemas.microsoft.com/office/drawing/2014/main" id="{9D50A4FE-8DDA-1C42-9C8A-064BC82B7CA8}"/>
              </a:ext>
            </a:extLst>
          </p:cNvPr>
          <p:cNvSpPr>
            <a:spLocks noGrp="1" noRot="1" noChangeAspect="1"/>
          </p:cNvSpPr>
          <p:nvPr>
            <p:ph type="sldImg" idx="2"/>
          </p:nvPr>
        </p:nvSpPr>
        <p:spPr>
          <a:xfrm>
            <a:off x="422275" y="1243013"/>
            <a:ext cx="5961063" cy="3354387"/>
          </a:xfrm>
          <a:prstGeom prst="rect">
            <a:avLst/>
          </a:prstGeom>
          <a:noFill/>
          <a:ln w="12700">
            <a:solidFill>
              <a:prstClr val="black"/>
            </a:solidFill>
          </a:ln>
        </p:spPr>
        <p:txBody>
          <a:bodyPr vert="horz" lIns="91440" tIns="45720" rIns="91440" bIns="45720" rtlCol="0" anchor="ctr"/>
          <a:lstStyle/>
          <a:p>
            <a:pPr lvl="0"/>
            <a:endParaRPr lang="nl-NL" noProof="0"/>
          </a:p>
        </p:txBody>
      </p:sp>
      <p:sp>
        <p:nvSpPr>
          <p:cNvPr id="5" name="Tijdelijke aanduiding voor notities 4">
            <a:extLst>
              <a:ext uri="{FF2B5EF4-FFF2-40B4-BE49-F238E27FC236}">
                <a16:creationId xmlns:a16="http://schemas.microsoft.com/office/drawing/2014/main" id="{8D0F4B64-BD31-EE43-9066-64D4F35921B5}"/>
              </a:ext>
            </a:extLst>
          </p:cNvPr>
          <p:cNvSpPr>
            <a:spLocks noGrp="1"/>
          </p:cNvSpPr>
          <p:nvPr>
            <p:ph type="body" sz="quarter" idx="3"/>
          </p:nvPr>
        </p:nvSpPr>
        <p:spPr>
          <a:xfrm>
            <a:off x="680562" y="4783307"/>
            <a:ext cx="5444490" cy="3913614"/>
          </a:xfrm>
          <a:prstGeom prst="rect">
            <a:avLst/>
          </a:prstGeom>
        </p:spPr>
        <p:txBody>
          <a:bodyPr vert="horz" lIns="91440" tIns="45720" rIns="91440" bIns="45720" rtlCol="0"/>
          <a:lstStyle/>
          <a:p>
            <a:pPr lvl="0"/>
            <a:r>
              <a:rPr lang="nl-NL" noProof="0"/>
              <a:t>Klikken om de tekststijl van het model te bewerken</a:t>
            </a:r>
          </a:p>
          <a:p>
            <a:pPr lvl="1"/>
            <a:r>
              <a:rPr lang="nl-NL" noProof="0"/>
              <a:t>Tweede niveau</a:t>
            </a:r>
          </a:p>
          <a:p>
            <a:pPr lvl="2"/>
            <a:r>
              <a:rPr lang="nl-NL" noProof="0"/>
              <a:t>Derde niveau</a:t>
            </a:r>
          </a:p>
          <a:p>
            <a:pPr lvl="3"/>
            <a:r>
              <a:rPr lang="nl-NL" noProof="0"/>
              <a:t>Vierde niveau</a:t>
            </a:r>
          </a:p>
          <a:p>
            <a:pPr lvl="4"/>
            <a:r>
              <a:rPr lang="nl-NL" noProof="0"/>
              <a:t>Vijfde niveau</a:t>
            </a:r>
          </a:p>
        </p:txBody>
      </p:sp>
      <p:sp>
        <p:nvSpPr>
          <p:cNvPr id="6" name="Tijdelijke aanduiding voor voettekst 5">
            <a:extLst>
              <a:ext uri="{FF2B5EF4-FFF2-40B4-BE49-F238E27FC236}">
                <a16:creationId xmlns:a16="http://schemas.microsoft.com/office/drawing/2014/main" id="{45116776-121C-1A4E-B2F6-DD38D1D7FBFC}"/>
              </a:ext>
            </a:extLst>
          </p:cNvPr>
          <p:cNvSpPr>
            <a:spLocks noGrp="1"/>
          </p:cNvSpPr>
          <p:nvPr>
            <p:ph type="ftr" sz="quarter" idx="4"/>
          </p:nvPr>
        </p:nvSpPr>
        <p:spPr>
          <a:xfrm>
            <a:off x="0" y="9440647"/>
            <a:ext cx="2949099" cy="498692"/>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endParaRPr lang="nl-NL"/>
          </a:p>
        </p:txBody>
      </p:sp>
      <p:sp>
        <p:nvSpPr>
          <p:cNvPr id="7" name="Tijdelijke aanduiding voor dianummer 6">
            <a:extLst>
              <a:ext uri="{FF2B5EF4-FFF2-40B4-BE49-F238E27FC236}">
                <a16:creationId xmlns:a16="http://schemas.microsoft.com/office/drawing/2014/main" id="{1D1FB5E8-CD34-6E41-B4F8-8E88ECA8D4C1}"/>
              </a:ext>
            </a:extLst>
          </p:cNvPr>
          <p:cNvSpPr>
            <a:spLocks noGrp="1"/>
          </p:cNvSpPr>
          <p:nvPr>
            <p:ph type="sldNum" sz="quarter" idx="5"/>
          </p:nvPr>
        </p:nvSpPr>
        <p:spPr>
          <a:xfrm>
            <a:off x="3854939" y="9440647"/>
            <a:ext cx="2949099" cy="498692"/>
          </a:xfrm>
          <a:prstGeom prst="rect">
            <a:avLst/>
          </a:prstGeom>
        </p:spPr>
        <p:txBody>
          <a:bodyPr vert="horz" wrap="square" lIns="91440" tIns="45720" rIns="91440" bIns="45720" numCol="1" anchor="b" anchorCtr="0" compatLnSpc="1">
            <a:prstTxWarp prst="textNoShape">
              <a:avLst/>
            </a:prstTxWarp>
          </a:bodyPr>
          <a:lstStyle>
            <a:lvl1pPr algn="r" eaLnBrk="1" hangingPunct="1">
              <a:defRPr sz="1200"/>
            </a:lvl1pPr>
          </a:lstStyle>
          <a:p>
            <a:fld id="{0A622139-329B-174F-9882-7DFF5ECAF1D8}" type="slidenum">
              <a:rPr lang="nl-NL" altLang="nl-NL"/>
              <a:pPr/>
              <a:t>‹nr.›</a:t>
            </a:fld>
            <a:endParaRPr lang="nl-NL" altLang="nl-NL"/>
          </a:p>
        </p:txBody>
      </p:sp>
    </p:spTree>
    <p:extLst>
      <p:ext uri="{BB962C8B-B14F-4D97-AF65-F5344CB8AC3E}">
        <p14:creationId xmlns:p14="http://schemas.microsoft.com/office/powerpoint/2010/main" val="3541821420"/>
      </p:ext>
    </p:extLst>
  </p:cSld>
  <p:clrMap bg1="lt1" tx1="dk1" bg2="lt2" tx2="dk2" accent1="accent1" accent2="accent2" accent3="accent3" accent4="accent4" accent5="accent5" accent6="accent6" hlink="hlink" folHlink="folHlink"/>
  <p:notesStyle>
    <a:lvl1pPr algn="l" rtl="0" eaLnBrk="0" fontAlgn="base" hangingPunct="0">
      <a:spcBef>
        <a:spcPct val="30000"/>
      </a:spcBef>
      <a:spcAft>
        <a:spcPct val="0"/>
      </a:spcAft>
      <a:defRPr sz="1200" kern="1200">
        <a:solidFill>
          <a:schemeClr val="tx1"/>
        </a:solidFill>
        <a:latin typeface="+mn-lt"/>
        <a:ea typeface="+mn-ea"/>
        <a:cs typeface="+mn-cs"/>
      </a:defRPr>
    </a:lvl1pPr>
    <a:lvl2pPr marL="457200" algn="l" rtl="0" eaLnBrk="0" fontAlgn="base" hangingPunct="0">
      <a:spcBef>
        <a:spcPct val="30000"/>
      </a:spcBef>
      <a:spcAft>
        <a:spcPct val="0"/>
      </a:spcAft>
      <a:defRPr sz="1200" kern="1200">
        <a:solidFill>
          <a:schemeClr val="tx1"/>
        </a:solidFill>
        <a:latin typeface="+mn-lt"/>
        <a:ea typeface="+mn-ea"/>
        <a:cs typeface="+mn-cs"/>
      </a:defRPr>
    </a:lvl2pPr>
    <a:lvl3pPr marL="914400" algn="l" rtl="0" eaLnBrk="0" fontAlgn="base" hangingPunct="0">
      <a:spcBef>
        <a:spcPct val="30000"/>
      </a:spcBef>
      <a:spcAft>
        <a:spcPct val="0"/>
      </a:spcAft>
      <a:defRPr sz="1200" kern="1200">
        <a:solidFill>
          <a:schemeClr val="tx1"/>
        </a:solidFill>
        <a:latin typeface="+mn-lt"/>
        <a:ea typeface="+mn-ea"/>
        <a:cs typeface="+mn-cs"/>
      </a:defRPr>
    </a:lvl3pPr>
    <a:lvl4pPr marL="1371600" algn="l" rtl="0" eaLnBrk="0" fontAlgn="base" hangingPunct="0">
      <a:spcBef>
        <a:spcPct val="30000"/>
      </a:spcBef>
      <a:spcAft>
        <a:spcPct val="0"/>
      </a:spcAft>
      <a:defRPr sz="1200" kern="1200">
        <a:solidFill>
          <a:schemeClr val="tx1"/>
        </a:solidFill>
        <a:latin typeface="+mn-lt"/>
        <a:ea typeface="+mn-ea"/>
        <a:cs typeface="+mn-cs"/>
      </a:defRPr>
    </a:lvl4pPr>
    <a:lvl5pPr marL="1828800" algn="l" rtl="0" eaLnBrk="0" fontAlgn="base" hangingPunct="0">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1506" name="Tijdelijke aanduiding voor dia-afbeelding 1">
            <a:extLst>
              <a:ext uri="{FF2B5EF4-FFF2-40B4-BE49-F238E27FC236}">
                <a16:creationId xmlns:a16="http://schemas.microsoft.com/office/drawing/2014/main" id="{B066737C-E093-7440-8C7D-A4262FBAB55F}"/>
              </a:ext>
            </a:extLst>
          </p:cNvPr>
          <p:cNvSpPr>
            <a:spLocks noGrp="1" noRot="1" noChangeAspect="1" noChangeArrowheads="1" noTextEdit="1"/>
          </p:cNvSpPr>
          <p:nvPr>
            <p:ph type="sldImg"/>
          </p:nvPr>
        </p:nvSpPr>
        <p:spPr bwMode="auto">
          <a:noFill/>
          <a:ln>
            <a:solidFill>
              <a:srgbClr val="000000"/>
            </a:solidFill>
            <a:miter lim="800000"/>
            <a:headEnd/>
            <a:tailEnd/>
          </a:ln>
          <a:extLst>
            <a:ext uri="{909E8E84-426E-40DD-AFC4-6F175D3DCCD1}">
              <a14:hiddenFill xmlns:a14="http://schemas.microsoft.com/office/drawing/2010/main">
                <a:solidFill>
                  <a:srgbClr val="FFFFFF"/>
                </a:solidFill>
              </a14:hiddenFill>
            </a:ext>
          </a:extLst>
        </p:spPr>
      </p:sp>
      <p:sp>
        <p:nvSpPr>
          <p:cNvPr id="21507" name="Tijdelijke aanduiding voor notities 2">
            <a:extLst>
              <a:ext uri="{FF2B5EF4-FFF2-40B4-BE49-F238E27FC236}">
                <a16:creationId xmlns:a16="http://schemas.microsoft.com/office/drawing/2014/main" id="{2FE6E511-AED2-AD40-966A-B729FBBEF2DB}"/>
              </a:ext>
            </a:extLst>
          </p:cNvPr>
          <p:cNvSpPr>
            <a:spLocks noGrp="1" noChangeArrowheads="1"/>
          </p:cNvSpPr>
          <p:nvPr>
            <p:ph type="body" idx="1"/>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t" anchorCtr="0" compatLnSpc="1">
            <a:prstTxWarp prst="textNoShape">
              <a:avLst/>
            </a:prstTxWarp>
          </a:bodyPr>
          <a:lstStyle/>
          <a:p>
            <a:pPr eaLnBrk="1" hangingPunct="1">
              <a:spcBef>
                <a:spcPct val="0"/>
              </a:spcBef>
            </a:pPr>
            <a:endParaRPr lang="nl-NL" altLang="nl-NL"/>
          </a:p>
        </p:txBody>
      </p:sp>
      <p:sp>
        <p:nvSpPr>
          <p:cNvPr id="21508" name="Tijdelijke aanduiding voor dianummer 3">
            <a:extLst>
              <a:ext uri="{FF2B5EF4-FFF2-40B4-BE49-F238E27FC236}">
                <a16:creationId xmlns:a16="http://schemas.microsoft.com/office/drawing/2014/main" id="{568DCB3D-739C-F849-BE7F-97FDFCF7D810}"/>
              </a:ext>
            </a:extLst>
          </p:cNvPr>
          <p:cNvSpPr>
            <a:spLocks noGrp="1" noChangeArrowheads="1"/>
          </p:cNvSpPr>
          <p:nvPr>
            <p:ph type="sldNum" sz="quarter" idx="5"/>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a:solidFill>
                  <a:schemeClr val="tx1"/>
                </a:solidFill>
                <a:latin typeface="Calibri" panose="020F0502020204030204" pitchFamily="34" charset="0"/>
              </a:defRPr>
            </a:lvl1pPr>
            <a:lvl2pPr marL="742950" indent="-285750">
              <a:defRPr>
                <a:solidFill>
                  <a:schemeClr val="tx1"/>
                </a:solidFill>
                <a:latin typeface="Calibri" panose="020F0502020204030204" pitchFamily="34" charset="0"/>
              </a:defRPr>
            </a:lvl2pPr>
            <a:lvl3pPr marL="1143000" indent="-228600">
              <a:defRPr>
                <a:solidFill>
                  <a:schemeClr val="tx1"/>
                </a:solidFill>
                <a:latin typeface="Calibri" panose="020F0502020204030204" pitchFamily="34" charset="0"/>
              </a:defRPr>
            </a:lvl3pPr>
            <a:lvl4pPr marL="1600200" indent="-228600">
              <a:defRPr>
                <a:solidFill>
                  <a:schemeClr val="tx1"/>
                </a:solidFill>
                <a:latin typeface="Calibri" panose="020F0502020204030204" pitchFamily="34" charset="0"/>
              </a:defRPr>
            </a:lvl4pPr>
            <a:lvl5pPr marL="2057400" indent="-228600">
              <a:defRPr>
                <a:solidFill>
                  <a:schemeClr val="tx1"/>
                </a:solidFill>
                <a:latin typeface="Calibri" panose="020F0502020204030204" pitchFamily="34" charset="0"/>
              </a:defRPr>
            </a:lvl5pPr>
            <a:lvl6pPr marL="2514600" indent="-228600" eaLnBrk="0" fontAlgn="base" hangingPunct="0">
              <a:spcBef>
                <a:spcPct val="0"/>
              </a:spcBef>
              <a:spcAft>
                <a:spcPct val="0"/>
              </a:spcAft>
              <a:defRPr>
                <a:solidFill>
                  <a:schemeClr val="tx1"/>
                </a:solidFill>
                <a:latin typeface="Calibri" panose="020F0502020204030204" pitchFamily="34" charset="0"/>
              </a:defRPr>
            </a:lvl6pPr>
            <a:lvl7pPr marL="2971800" indent="-228600" eaLnBrk="0" fontAlgn="base" hangingPunct="0">
              <a:spcBef>
                <a:spcPct val="0"/>
              </a:spcBef>
              <a:spcAft>
                <a:spcPct val="0"/>
              </a:spcAft>
              <a:defRPr>
                <a:solidFill>
                  <a:schemeClr val="tx1"/>
                </a:solidFill>
                <a:latin typeface="Calibri" panose="020F0502020204030204" pitchFamily="34" charset="0"/>
              </a:defRPr>
            </a:lvl7pPr>
            <a:lvl8pPr marL="3429000" indent="-228600" eaLnBrk="0" fontAlgn="base" hangingPunct="0">
              <a:spcBef>
                <a:spcPct val="0"/>
              </a:spcBef>
              <a:spcAft>
                <a:spcPct val="0"/>
              </a:spcAft>
              <a:defRPr>
                <a:solidFill>
                  <a:schemeClr val="tx1"/>
                </a:solidFill>
                <a:latin typeface="Calibri" panose="020F0502020204030204" pitchFamily="34" charset="0"/>
              </a:defRPr>
            </a:lvl8pPr>
            <a:lvl9pPr marL="3886200" indent="-228600" eaLnBrk="0" fontAlgn="base" hangingPunct="0">
              <a:spcBef>
                <a:spcPct val="0"/>
              </a:spcBef>
              <a:spcAft>
                <a:spcPct val="0"/>
              </a:spcAft>
              <a:defRPr>
                <a:solidFill>
                  <a:schemeClr val="tx1"/>
                </a:solidFill>
                <a:latin typeface="Calibri" panose="020F0502020204030204" pitchFamily="34" charset="0"/>
              </a:defRPr>
            </a:lvl9pPr>
          </a:lstStyle>
          <a:p>
            <a:fld id="{77BF722A-FC89-864D-8881-DEFDB9E22F21}" type="slidenum">
              <a:rPr lang="nl-NL" altLang="nl-NL"/>
              <a:pPr/>
              <a:t>1</a:t>
            </a:fld>
            <a:endParaRPr lang="nl-NL" altLang="nl-NL"/>
          </a:p>
        </p:txBody>
      </p:sp>
    </p:spTree>
    <p:extLst>
      <p:ext uri="{BB962C8B-B14F-4D97-AF65-F5344CB8AC3E}">
        <p14:creationId xmlns:p14="http://schemas.microsoft.com/office/powerpoint/2010/main" val="3225013"/>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eldia">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E5C8C94-6483-5F44-A214-6BBE58E30B33}"/>
              </a:ext>
            </a:extLst>
          </p:cNvPr>
          <p:cNvSpPr>
            <a:spLocks noGrp="1"/>
          </p:cNvSpPr>
          <p:nvPr>
            <p:ph type="ctrTitle" hasCustomPrompt="1"/>
          </p:nvPr>
        </p:nvSpPr>
        <p:spPr>
          <a:xfrm>
            <a:off x="631825" y="313067"/>
            <a:ext cx="9531678" cy="2387600"/>
          </a:xfrm>
        </p:spPr>
        <p:txBody>
          <a:bodyPr anchor="b">
            <a:noAutofit/>
          </a:bodyPr>
          <a:lstStyle>
            <a:lvl1pPr algn="l">
              <a:defRPr sz="6000">
                <a:solidFill>
                  <a:schemeClr val="accent1"/>
                </a:solidFill>
              </a:defRPr>
            </a:lvl1pPr>
          </a:lstStyle>
          <a:p>
            <a:r>
              <a:rPr lang="nl-NL"/>
              <a:t>Voeg titel toe</a:t>
            </a:r>
          </a:p>
        </p:txBody>
      </p:sp>
      <p:sp>
        <p:nvSpPr>
          <p:cNvPr id="3" name="Ondertitel 2">
            <a:extLst>
              <a:ext uri="{FF2B5EF4-FFF2-40B4-BE49-F238E27FC236}">
                <a16:creationId xmlns:a16="http://schemas.microsoft.com/office/drawing/2014/main" id="{D28D2045-79CC-614D-BA13-696E7AAAEE4A}"/>
              </a:ext>
            </a:extLst>
          </p:cNvPr>
          <p:cNvSpPr>
            <a:spLocks noGrp="1"/>
          </p:cNvSpPr>
          <p:nvPr>
            <p:ph type="subTitle" idx="1" hasCustomPrompt="1"/>
          </p:nvPr>
        </p:nvSpPr>
        <p:spPr>
          <a:xfrm>
            <a:off x="631825" y="2876824"/>
            <a:ext cx="9531678" cy="165576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4" name="Date Placeholder 3">
            <a:extLst>
              <a:ext uri="{FF2B5EF4-FFF2-40B4-BE49-F238E27FC236}">
                <a16:creationId xmlns:a16="http://schemas.microsoft.com/office/drawing/2014/main" id="{0736DB54-88F1-4358-B17D-E35D994C4489}"/>
              </a:ext>
            </a:extLst>
          </p:cNvPr>
          <p:cNvSpPr>
            <a:spLocks noGrp="1"/>
          </p:cNvSpPr>
          <p:nvPr>
            <p:ph type="dt" sz="half" idx="10"/>
          </p:nvPr>
        </p:nvSpPr>
        <p:spPr>
          <a:xfrm>
            <a:off x="631825" y="7165952"/>
            <a:ext cx="832104" cy="200055"/>
          </a:xfrm>
        </p:spPr>
        <p:txBody>
          <a:bodyPr/>
          <a:lstStyle/>
          <a:p>
            <a:fld id="{0FBDD9FE-454E-427B-A3A1-00EEA30AE87E}" type="datetime1">
              <a:rPr lang="en-GB" smtClean="0"/>
              <a:t>23/05/2022</a:t>
            </a:fld>
            <a:endParaRPr lang="en-GB"/>
          </a:p>
        </p:txBody>
      </p:sp>
      <p:sp>
        <p:nvSpPr>
          <p:cNvPr id="5" name="Footer Placeholder 4">
            <a:extLst>
              <a:ext uri="{FF2B5EF4-FFF2-40B4-BE49-F238E27FC236}">
                <a16:creationId xmlns:a16="http://schemas.microsoft.com/office/drawing/2014/main" id="{362EDB1A-A8E9-4E2A-8325-F6C81582082B}"/>
              </a:ext>
            </a:extLst>
          </p:cNvPr>
          <p:cNvSpPr>
            <a:spLocks noGrp="1"/>
          </p:cNvSpPr>
          <p:nvPr>
            <p:ph type="ftr" sz="quarter" idx="11"/>
          </p:nvPr>
        </p:nvSpPr>
        <p:spPr>
          <a:xfrm>
            <a:off x="1562356" y="7165951"/>
            <a:ext cx="8694253" cy="200055"/>
          </a:xfrm>
        </p:spPr>
        <p:txBody>
          <a:bodyPr/>
          <a:lstStyle/>
          <a:p>
            <a:endParaRPr lang="en-GB"/>
          </a:p>
        </p:txBody>
      </p:sp>
      <p:sp>
        <p:nvSpPr>
          <p:cNvPr id="6" name="Slide Number Placeholder 5">
            <a:extLst>
              <a:ext uri="{FF2B5EF4-FFF2-40B4-BE49-F238E27FC236}">
                <a16:creationId xmlns:a16="http://schemas.microsoft.com/office/drawing/2014/main" id="{6D8D8322-31E3-481B-ABDE-EA810DE824AC}"/>
              </a:ext>
            </a:extLst>
          </p:cNvPr>
          <p:cNvSpPr>
            <a:spLocks noGrp="1"/>
          </p:cNvSpPr>
          <p:nvPr>
            <p:ph type="sldNum" sz="quarter" idx="12"/>
          </p:nvPr>
        </p:nvSpPr>
        <p:spPr>
          <a:xfrm>
            <a:off x="10355036" y="7165953"/>
            <a:ext cx="486000" cy="200055"/>
          </a:xfrm>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384186368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Vergelijking">
    <p:spTree>
      <p:nvGrpSpPr>
        <p:cNvPr id="1" name=""/>
        <p:cNvGrpSpPr/>
        <p:nvPr/>
      </p:nvGrpSpPr>
      <p:grpSpPr>
        <a:xfrm>
          <a:off x="0" y="0"/>
          <a:ext cx="0" cy="0"/>
          <a:chOff x="0" y="0"/>
          <a:chExt cx="0" cy="0"/>
        </a:xfrm>
      </p:grpSpPr>
      <p:sp>
        <p:nvSpPr>
          <p:cNvPr id="3" name="Tijdelijke aanduiding voor tekst 2">
            <a:extLst>
              <a:ext uri="{FF2B5EF4-FFF2-40B4-BE49-F238E27FC236}">
                <a16:creationId xmlns:a16="http://schemas.microsoft.com/office/drawing/2014/main" id="{D765F5E8-6299-BB40-AA7E-D87AA34359DD}"/>
              </a:ext>
            </a:extLst>
          </p:cNvPr>
          <p:cNvSpPr>
            <a:spLocks noGrp="1"/>
          </p:cNvSpPr>
          <p:nvPr>
            <p:ph type="body" idx="1"/>
          </p:nvPr>
        </p:nvSpPr>
        <p:spPr>
          <a:xfrm>
            <a:off x="633482" y="1818172"/>
            <a:ext cx="5026783"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nl-NL"/>
          </a:p>
        </p:txBody>
      </p:sp>
      <p:sp>
        <p:nvSpPr>
          <p:cNvPr id="5" name="Tijdelijke aanduiding voor tekst 4">
            <a:extLst>
              <a:ext uri="{FF2B5EF4-FFF2-40B4-BE49-F238E27FC236}">
                <a16:creationId xmlns:a16="http://schemas.microsoft.com/office/drawing/2014/main" id="{6EEDA3F4-ED99-D54F-B0AE-3E3ADFDC094F}"/>
              </a:ext>
            </a:extLst>
          </p:cNvPr>
          <p:cNvSpPr>
            <a:spLocks noGrp="1"/>
          </p:cNvSpPr>
          <p:nvPr>
            <p:ph type="body" sz="quarter" idx="3"/>
          </p:nvPr>
        </p:nvSpPr>
        <p:spPr>
          <a:xfrm>
            <a:off x="5812630" y="1818172"/>
            <a:ext cx="5028406"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nl-NL"/>
          </a:p>
        </p:txBody>
      </p:sp>
      <p:sp>
        <p:nvSpPr>
          <p:cNvPr id="14" name="Tijdelijke aanduiding voor inhoud 2">
            <a:extLst>
              <a:ext uri="{FF2B5EF4-FFF2-40B4-BE49-F238E27FC236}">
                <a16:creationId xmlns:a16="http://schemas.microsoft.com/office/drawing/2014/main" id="{F28CC1D8-B688-4145-9196-20A3827814D3}"/>
              </a:ext>
            </a:extLst>
          </p:cNvPr>
          <p:cNvSpPr>
            <a:spLocks noGrp="1"/>
          </p:cNvSpPr>
          <p:nvPr>
            <p:ph sz="half" idx="14"/>
          </p:nvPr>
        </p:nvSpPr>
        <p:spPr>
          <a:xfrm>
            <a:off x="631826" y="2642084"/>
            <a:ext cx="5028405" cy="3215790"/>
          </a:xfrm>
        </p:spPr>
        <p:txBody>
          <a:bodyPr/>
          <a:lstStyle>
            <a:lvl1pPr>
              <a:defRPr sz="2400"/>
            </a:lvl1pPr>
          </a:lstStyle>
          <a:p>
            <a:pPr lvl="0"/>
            <a:endParaRPr lang="nl-NL"/>
          </a:p>
        </p:txBody>
      </p:sp>
      <p:sp>
        <p:nvSpPr>
          <p:cNvPr id="15" name="Tijdelijke aanduiding voor inhoud 3">
            <a:extLst>
              <a:ext uri="{FF2B5EF4-FFF2-40B4-BE49-F238E27FC236}">
                <a16:creationId xmlns:a16="http://schemas.microsoft.com/office/drawing/2014/main" id="{5E7B9D8C-5520-4CA3-8B03-D336D53E0E10}"/>
              </a:ext>
            </a:extLst>
          </p:cNvPr>
          <p:cNvSpPr>
            <a:spLocks noGrp="1"/>
          </p:cNvSpPr>
          <p:nvPr>
            <p:ph sz="half" idx="2"/>
          </p:nvPr>
        </p:nvSpPr>
        <p:spPr>
          <a:xfrm>
            <a:off x="5812630" y="2642084"/>
            <a:ext cx="5028406" cy="3215790"/>
          </a:xfrm>
        </p:spPr>
        <p:txBody>
          <a:bodyPr/>
          <a:lstStyle>
            <a:lvl1pPr>
              <a:defRPr sz="2400"/>
            </a:lvl1pPr>
          </a:lstStyle>
          <a:p>
            <a:pPr lvl="0"/>
            <a:endParaRPr lang="nl-NL"/>
          </a:p>
        </p:txBody>
      </p:sp>
      <p:sp>
        <p:nvSpPr>
          <p:cNvPr id="18" name="Ondertitel 2">
            <a:extLst>
              <a:ext uri="{FF2B5EF4-FFF2-40B4-BE49-F238E27FC236}">
                <a16:creationId xmlns:a16="http://schemas.microsoft.com/office/drawing/2014/main" id="{A226B935-B8CA-45B5-9B1A-6DD312D7A97F}"/>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21" name="Title 20">
            <a:extLst>
              <a:ext uri="{FF2B5EF4-FFF2-40B4-BE49-F238E27FC236}">
                <a16:creationId xmlns:a16="http://schemas.microsoft.com/office/drawing/2014/main" id="{749B6409-B371-4B9F-B3ED-16C2E291560A}"/>
              </a:ext>
            </a:extLst>
          </p:cNvPr>
          <p:cNvSpPr>
            <a:spLocks noGrp="1"/>
          </p:cNvSpPr>
          <p:nvPr>
            <p:ph type="title" hasCustomPrompt="1"/>
          </p:nvPr>
        </p:nvSpPr>
        <p:spPr/>
        <p:txBody>
          <a:bodyPr/>
          <a:lstStyle>
            <a:lvl1pPr>
              <a:defRPr/>
            </a:lvl1pPr>
          </a:lstStyle>
          <a:p>
            <a:r>
              <a:rPr lang="en-US" err="1"/>
              <a:t>Voeg</a:t>
            </a:r>
            <a:r>
              <a:rPr lang="en-US"/>
              <a:t> </a:t>
            </a:r>
            <a:r>
              <a:rPr lang="en-US" err="1"/>
              <a:t>titel</a:t>
            </a:r>
            <a:r>
              <a:rPr lang="en-US"/>
              <a:t> toe</a:t>
            </a:r>
          </a:p>
        </p:txBody>
      </p:sp>
      <p:sp>
        <p:nvSpPr>
          <p:cNvPr id="2" name="Date Placeholder 1">
            <a:extLst>
              <a:ext uri="{FF2B5EF4-FFF2-40B4-BE49-F238E27FC236}">
                <a16:creationId xmlns:a16="http://schemas.microsoft.com/office/drawing/2014/main" id="{31D5B612-A5DC-429C-BEED-F567BC46DA16}"/>
              </a:ext>
            </a:extLst>
          </p:cNvPr>
          <p:cNvSpPr>
            <a:spLocks noGrp="1"/>
          </p:cNvSpPr>
          <p:nvPr>
            <p:ph type="dt" sz="half" idx="15"/>
          </p:nvPr>
        </p:nvSpPr>
        <p:spPr/>
        <p:txBody>
          <a:bodyPr/>
          <a:lstStyle/>
          <a:p>
            <a:fld id="{4A16BB2A-F23F-4E0F-829E-86051D38B0EA}" type="datetime1">
              <a:rPr lang="en-GB" smtClean="0"/>
              <a:t>23/05/2022</a:t>
            </a:fld>
            <a:endParaRPr lang="en-GB"/>
          </a:p>
        </p:txBody>
      </p:sp>
      <p:sp>
        <p:nvSpPr>
          <p:cNvPr id="4" name="Footer Placeholder 3">
            <a:extLst>
              <a:ext uri="{FF2B5EF4-FFF2-40B4-BE49-F238E27FC236}">
                <a16:creationId xmlns:a16="http://schemas.microsoft.com/office/drawing/2014/main" id="{C3805DAB-FAA5-42E4-AA95-5CB304C269C4}"/>
              </a:ext>
            </a:extLst>
          </p:cNvPr>
          <p:cNvSpPr>
            <a:spLocks noGrp="1"/>
          </p:cNvSpPr>
          <p:nvPr>
            <p:ph type="ftr" sz="quarter" idx="16"/>
          </p:nvPr>
        </p:nvSpPr>
        <p:spPr/>
        <p:txBody>
          <a:bodyPr/>
          <a:lstStyle/>
          <a:p>
            <a:endParaRPr lang="en-GB"/>
          </a:p>
        </p:txBody>
      </p:sp>
      <p:sp>
        <p:nvSpPr>
          <p:cNvPr id="6" name="Slide Number Placeholder 5">
            <a:extLst>
              <a:ext uri="{FF2B5EF4-FFF2-40B4-BE49-F238E27FC236}">
                <a16:creationId xmlns:a16="http://schemas.microsoft.com/office/drawing/2014/main" id="{81B5E665-0587-47B7-AAB9-E02D385674B3}"/>
              </a:ext>
            </a:extLst>
          </p:cNvPr>
          <p:cNvSpPr>
            <a:spLocks noGrp="1"/>
          </p:cNvSpPr>
          <p:nvPr>
            <p:ph type="sldNum" sz="quarter" idx="17"/>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141816790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Afbeeldin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CC1BF7E4-62DA-49C2-9061-4B75E6E294E7}"/>
              </a:ext>
            </a:extLst>
          </p:cNvPr>
          <p:cNvSpPr>
            <a:spLocks noGrp="1"/>
          </p:cNvSpPr>
          <p:nvPr>
            <p:ph type="pic" sz="quarter" idx="10"/>
          </p:nvPr>
        </p:nvSpPr>
        <p:spPr>
          <a:xfrm>
            <a:off x="0" y="0"/>
            <a:ext cx="12192000" cy="6858000"/>
          </a:xfrm>
          <a:custGeom>
            <a:avLst/>
            <a:gdLst>
              <a:gd name="connsiteX0" fmla="*/ 0 w 12192000"/>
              <a:gd name="connsiteY0" fmla="*/ 0 h 6858000"/>
              <a:gd name="connsiteX1" fmla="*/ 12192000 w 12192000"/>
              <a:gd name="connsiteY1" fmla="*/ 0 h 6858000"/>
              <a:gd name="connsiteX2" fmla="*/ 12192000 w 12192000"/>
              <a:gd name="connsiteY2" fmla="*/ 5928360 h 6858000"/>
              <a:gd name="connsiteX3" fmla="*/ 12192000 w 12192000"/>
              <a:gd name="connsiteY3" fmla="*/ 6858000 h 6858000"/>
              <a:gd name="connsiteX4" fmla="*/ 10546080 w 12192000"/>
              <a:gd name="connsiteY4" fmla="*/ 6858000 h 6858000"/>
              <a:gd name="connsiteX5" fmla="*/ 0 w 12192000"/>
              <a:gd name="connsiteY5"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00" h="6858000">
                <a:moveTo>
                  <a:pt x="0" y="0"/>
                </a:moveTo>
                <a:lnTo>
                  <a:pt x="12192000" y="0"/>
                </a:lnTo>
                <a:lnTo>
                  <a:pt x="12192000" y="5928360"/>
                </a:lnTo>
                <a:lnTo>
                  <a:pt x="12192000" y="6858000"/>
                </a:lnTo>
                <a:lnTo>
                  <a:pt x="10546080" y="6858000"/>
                </a:lnTo>
                <a:lnTo>
                  <a:pt x="0" y="6858000"/>
                </a:lnTo>
                <a:close/>
              </a:path>
            </a:pathLst>
          </a:custGeom>
        </p:spPr>
        <p:txBody>
          <a:bodyPr wrap="square" anchor="ctr">
            <a:noAutofit/>
          </a:bodyPr>
          <a:lstStyle>
            <a:lvl1pPr marL="0" indent="0" algn="ctr">
              <a:buNone/>
              <a:defRPr sz="2400"/>
            </a:lvl1pPr>
          </a:lstStyle>
          <a:p>
            <a:pPr lvl="0"/>
            <a:endParaRPr lang="nl-NL" noProof="0"/>
          </a:p>
        </p:txBody>
      </p:sp>
      <p:sp>
        <p:nvSpPr>
          <p:cNvPr id="15" name="Date Placeholder 3">
            <a:extLst>
              <a:ext uri="{FF2B5EF4-FFF2-40B4-BE49-F238E27FC236}">
                <a16:creationId xmlns:a16="http://schemas.microsoft.com/office/drawing/2014/main" id="{B8B169DA-F6EB-44C4-8C39-89055F4E21BB}"/>
              </a:ext>
            </a:extLst>
          </p:cNvPr>
          <p:cNvSpPr>
            <a:spLocks noGrp="1"/>
          </p:cNvSpPr>
          <p:nvPr>
            <p:ph type="dt" sz="half" idx="11"/>
          </p:nvPr>
        </p:nvSpPr>
        <p:spPr>
          <a:xfrm>
            <a:off x="631825" y="7165952"/>
            <a:ext cx="832104" cy="200055"/>
          </a:xfrm>
        </p:spPr>
        <p:txBody>
          <a:bodyPr/>
          <a:lstStyle/>
          <a:p>
            <a:fld id="{5DA6945E-81CA-4BD3-A6D1-5E443B4DE943}" type="datetime1">
              <a:rPr lang="en-GB" smtClean="0"/>
              <a:t>23/05/2022</a:t>
            </a:fld>
            <a:endParaRPr lang="en-GB"/>
          </a:p>
        </p:txBody>
      </p:sp>
      <p:sp>
        <p:nvSpPr>
          <p:cNvPr id="16" name="Footer Placeholder 4">
            <a:extLst>
              <a:ext uri="{FF2B5EF4-FFF2-40B4-BE49-F238E27FC236}">
                <a16:creationId xmlns:a16="http://schemas.microsoft.com/office/drawing/2014/main" id="{D5721CA1-4C99-4AE1-A09F-C01D6D60F419}"/>
              </a:ext>
            </a:extLst>
          </p:cNvPr>
          <p:cNvSpPr>
            <a:spLocks noGrp="1"/>
          </p:cNvSpPr>
          <p:nvPr>
            <p:ph type="ftr" sz="quarter" idx="12"/>
          </p:nvPr>
        </p:nvSpPr>
        <p:spPr>
          <a:xfrm>
            <a:off x="1562356" y="7165951"/>
            <a:ext cx="8694253" cy="200055"/>
          </a:xfrm>
        </p:spPr>
        <p:txBody>
          <a:bodyPr/>
          <a:lstStyle/>
          <a:p>
            <a:endParaRPr lang="en-GB"/>
          </a:p>
        </p:txBody>
      </p:sp>
      <p:sp>
        <p:nvSpPr>
          <p:cNvPr id="17" name="Slide Number Placeholder 5">
            <a:extLst>
              <a:ext uri="{FF2B5EF4-FFF2-40B4-BE49-F238E27FC236}">
                <a16:creationId xmlns:a16="http://schemas.microsoft.com/office/drawing/2014/main" id="{B77AFA47-3EE4-4DA3-A423-AE9B8CB63208}"/>
              </a:ext>
            </a:extLst>
          </p:cNvPr>
          <p:cNvSpPr>
            <a:spLocks noGrp="1"/>
          </p:cNvSpPr>
          <p:nvPr>
            <p:ph type="sldNum" sz="quarter" idx="13"/>
          </p:nvPr>
        </p:nvSpPr>
        <p:spPr>
          <a:xfrm>
            <a:off x="10355036" y="7165953"/>
            <a:ext cx="486000" cy="200055"/>
          </a:xfrm>
        </p:spPr>
        <p:txBody>
          <a:bodyPr/>
          <a:lstStyle/>
          <a:p>
            <a:fld id="{83D1311D-0AF4-BF42-8BF9-EAD1FE65203C}" type="slidenum">
              <a:rPr lang="en-GB" smtClean="0"/>
              <a:pPr/>
              <a:t>‹nr.›</a:t>
            </a:fld>
            <a:endParaRPr lang="en-GB"/>
          </a:p>
        </p:txBody>
      </p:sp>
      <p:sp>
        <p:nvSpPr>
          <p:cNvPr id="12" name="Text Placeholder 2059">
            <a:extLst>
              <a:ext uri="{FF2B5EF4-FFF2-40B4-BE49-F238E27FC236}">
                <a16:creationId xmlns:a16="http://schemas.microsoft.com/office/drawing/2014/main" id="{70D4D95F-9082-4390-8238-9D84FFCB5E8A}"/>
              </a:ext>
            </a:extLst>
          </p:cNvPr>
          <p:cNvSpPr>
            <a:spLocks noGrp="1"/>
          </p:cNvSpPr>
          <p:nvPr>
            <p:ph type="body" sz="quarter" idx="16" hasCustomPrompt="1"/>
          </p:nvPr>
        </p:nvSpPr>
        <p:spPr>
          <a:xfrm>
            <a:off x="11056619" y="6322695"/>
            <a:ext cx="912763" cy="359794"/>
          </a:xfrm>
          <a:blipFill dpi="0" rotWithShape="1">
            <a:blip r:embed="rId2">
              <a:extLst>
                <a:ext uri="{28A0092B-C50C-407E-A947-70E740481C1C}">
                  <a14:useLocalDpi xmlns:a14="http://schemas.microsoft.com/office/drawing/2010/main" val="0"/>
                </a:ext>
              </a:extLst>
            </a:blip>
            <a:srcRect/>
            <a:stretch>
              <a:fillRect/>
            </a:stretch>
          </a:blipFill>
        </p:spPr>
        <p:txBody>
          <a:bodyPr/>
          <a:lstStyle>
            <a:lvl1pPr marL="0" indent="0">
              <a:buNone/>
              <a:defRPr/>
            </a:lvl1pPr>
          </a:lstStyle>
          <a:p>
            <a:pPr lvl="0"/>
            <a:r>
              <a:rPr lang="en-US"/>
              <a:t> </a:t>
            </a:r>
          </a:p>
        </p:txBody>
      </p:sp>
    </p:spTree>
    <p:extLst>
      <p:ext uri="{BB962C8B-B14F-4D97-AF65-F5344CB8AC3E}">
        <p14:creationId xmlns:p14="http://schemas.microsoft.com/office/powerpoint/2010/main" val="3546806594"/>
      </p:ext>
    </p:extLst>
  </p:cSld>
  <p:clrMapOvr>
    <a:masterClrMapping/>
  </p:clrMapOvr>
  <p:transition spd="slow">
    <p:wip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lleen titel">
    <p:spTree>
      <p:nvGrpSpPr>
        <p:cNvPr id="1" name=""/>
        <p:cNvGrpSpPr/>
        <p:nvPr/>
      </p:nvGrpSpPr>
      <p:grpSpPr>
        <a:xfrm>
          <a:off x="0" y="0"/>
          <a:ext cx="0" cy="0"/>
          <a:chOff x="0" y="0"/>
          <a:chExt cx="0" cy="0"/>
        </a:xfrm>
      </p:grpSpPr>
      <p:sp>
        <p:nvSpPr>
          <p:cNvPr id="11" name="Ondertitel 2">
            <a:extLst>
              <a:ext uri="{FF2B5EF4-FFF2-40B4-BE49-F238E27FC236}">
                <a16:creationId xmlns:a16="http://schemas.microsoft.com/office/drawing/2014/main" id="{1740F6E3-BB69-4FDB-B455-05A3929CE3E8}"/>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12" name="Title 11">
            <a:extLst>
              <a:ext uri="{FF2B5EF4-FFF2-40B4-BE49-F238E27FC236}">
                <a16:creationId xmlns:a16="http://schemas.microsoft.com/office/drawing/2014/main" id="{5B2E0F06-95BB-4E0F-B6D2-44A1325E008F}"/>
              </a:ext>
            </a:extLst>
          </p:cNvPr>
          <p:cNvSpPr>
            <a:spLocks noGrp="1"/>
          </p:cNvSpPr>
          <p:nvPr>
            <p:ph type="title" hasCustomPrompt="1"/>
          </p:nvPr>
        </p:nvSpPr>
        <p:spPr/>
        <p:txBody>
          <a:bodyPr/>
          <a:lstStyle>
            <a:lvl1pPr>
              <a:defRPr/>
            </a:lvl1pPr>
          </a:lstStyle>
          <a:p>
            <a:r>
              <a:rPr lang="en-US" err="1"/>
              <a:t>Voeg</a:t>
            </a:r>
            <a:r>
              <a:rPr lang="en-US"/>
              <a:t> </a:t>
            </a:r>
            <a:r>
              <a:rPr lang="en-US" err="1"/>
              <a:t>titel</a:t>
            </a:r>
            <a:r>
              <a:rPr lang="en-US"/>
              <a:t> toe</a:t>
            </a:r>
          </a:p>
        </p:txBody>
      </p:sp>
      <p:sp>
        <p:nvSpPr>
          <p:cNvPr id="2" name="Date Placeholder 1">
            <a:extLst>
              <a:ext uri="{FF2B5EF4-FFF2-40B4-BE49-F238E27FC236}">
                <a16:creationId xmlns:a16="http://schemas.microsoft.com/office/drawing/2014/main" id="{E90DE726-9C54-4569-9477-C17382798F10}"/>
              </a:ext>
            </a:extLst>
          </p:cNvPr>
          <p:cNvSpPr>
            <a:spLocks noGrp="1"/>
          </p:cNvSpPr>
          <p:nvPr>
            <p:ph type="dt" sz="half" idx="14"/>
          </p:nvPr>
        </p:nvSpPr>
        <p:spPr/>
        <p:txBody>
          <a:bodyPr/>
          <a:lstStyle/>
          <a:p>
            <a:fld id="{65E688D0-DE6F-477F-B90C-D66EB6B4C12B}" type="datetime1">
              <a:rPr lang="en-GB" smtClean="0"/>
              <a:t>23/05/2022</a:t>
            </a:fld>
            <a:endParaRPr lang="en-GB"/>
          </a:p>
        </p:txBody>
      </p:sp>
      <p:sp>
        <p:nvSpPr>
          <p:cNvPr id="3" name="Footer Placeholder 2">
            <a:extLst>
              <a:ext uri="{FF2B5EF4-FFF2-40B4-BE49-F238E27FC236}">
                <a16:creationId xmlns:a16="http://schemas.microsoft.com/office/drawing/2014/main" id="{88E679D3-9656-4BF5-BF31-B4F76FB4DF74}"/>
              </a:ext>
            </a:extLst>
          </p:cNvPr>
          <p:cNvSpPr>
            <a:spLocks noGrp="1"/>
          </p:cNvSpPr>
          <p:nvPr>
            <p:ph type="ftr" sz="quarter" idx="15"/>
          </p:nvPr>
        </p:nvSpPr>
        <p:spPr/>
        <p:txBody>
          <a:bodyPr/>
          <a:lstStyle/>
          <a:p>
            <a:endParaRPr lang="en-GB"/>
          </a:p>
        </p:txBody>
      </p:sp>
      <p:sp>
        <p:nvSpPr>
          <p:cNvPr id="4" name="Slide Number Placeholder 3">
            <a:extLst>
              <a:ext uri="{FF2B5EF4-FFF2-40B4-BE49-F238E27FC236}">
                <a16:creationId xmlns:a16="http://schemas.microsoft.com/office/drawing/2014/main" id="{BEF84C3F-81CA-4916-B522-934D603E63BC}"/>
              </a:ext>
            </a:extLst>
          </p:cNvPr>
          <p:cNvSpPr>
            <a:spLocks noGrp="1"/>
          </p:cNvSpPr>
          <p:nvPr>
            <p:ph type="sldNum" sz="quarter" idx="16"/>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414750220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Leeg">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E90DE726-9C54-4569-9477-C17382798F10}"/>
              </a:ext>
            </a:extLst>
          </p:cNvPr>
          <p:cNvSpPr>
            <a:spLocks noGrp="1"/>
          </p:cNvSpPr>
          <p:nvPr>
            <p:ph type="dt" sz="half" idx="14"/>
          </p:nvPr>
        </p:nvSpPr>
        <p:spPr/>
        <p:txBody>
          <a:bodyPr/>
          <a:lstStyle/>
          <a:p>
            <a:fld id="{65E688D0-DE6F-477F-B90C-D66EB6B4C12B}" type="datetime1">
              <a:rPr lang="en-GB" smtClean="0"/>
              <a:t>23/05/2022</a:t>
            </a:fld>
            <a:endParaRPr lang="en-GB"/>
          </a:p>
        </p:txBody>
      </p:sp>
      <p:sp>
        <p:nvSpPr>
          <p:cNvPr id="3" name="Footer Placeholder 2">
            <a:extLst>
              <a:ext uri="{FF2B5EF4-FFF2-40B4-BE49-F238E27FC236}">
                <a16:creationId xmlns:a16="http://schemas.microsoft.com/office/drawing/2014/main" id="{88E679D3-9656-4BF5-BF31-B4F76FB4DF74}"/>
              </a:ext>
            </a:extLst>
          </p:cNvPr>
          <p:cNvSpPr>
            <a:spLocks noGrp="1"/>
          </p:cNvSpPr>
          <p:nvPr>
            <p:ph type="ftr" sz="quarter" idx="15"/>
          </p:nvPr>
        </p:nvSpPr>
        <p:spPr/>
        <p:txBody>
          <a:bodyPr/>
          <a:lstStyle/>
          <a:p>
            <a:endParaRPr lang="en-GB"/>
          </a:p>
        </p:txBody>
      </p:sp>
      <p:sp>
        <p:nvSpPr>
          <p:cNvPr id="4" name="Slide Number Placeholder 3">
            <a:extLst>
              <a:ext uri="{FF2B5EF4-FFF2-40B4-BE49-F238E27FC236}">
                <a16:creationId xmlns:a16="http://schemas.microsoft.com/office/drawing/2014/main" id="{BEF84C3F-81CA-4916-B522-934D603E63BC}"/>
              </a:ext>
            </a:extLst>
          </p:cNvPr>
          <p:cNvSpPr>
            <a:spLocks noGrp="1"/>
          </p:cNvSpPr>
          <p:nvPr>
            <p:ph type="sldNum" sz="quarter" idx="16"/>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414164340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type="title" preserve="1">
  <p:cSld name="Titeldia (alternatief)">
    <p:spTree>
      <p:nvGrpSpPr>
        <p:cNvPr id="1" name=""/>
        <p:cNvGrpSpPr/>
        <p:nvPr/>
      </p:nvGrpSpPr>
      <p:grpSpPr>
        <a:xfrm>
          <a:off x="0" y="0"/>
          <a:ext cx="0" cy="0"/>
          <a:chOff x="0" y="0"/>
          <a:chExt cx="0" cy="0"/>
        </a:xfrm>
      </p:grpSpPr>
      <p:sp>
        <p:nvSpPr>
          <p:cNvPr id="25" name="Freeform: Shape 24">
            <a:extLst>
              <a:ext uri="{FF2B5EF4-FFF2-40B4-BE49-F238E27FC236}">
                <a16:creationId xmlns:a16="http://schemas.microsoft.com/office/drawing/2014/main" id="{57E780CB-CF25-46D6-AC5C-CFB15D854970}"/>
              </a:ext>
            </a:extLst>
          </p:cNvPr>
          <p:cNvSpPr>
            <a:spLocks/>
          </p:cNvSpPr>
          <p:nvPr userDrawn="1"/>
        </p:nvSpPr>
        <p:spPr bwMode="auto">
          <a:xfrm rot="5400000">
            <a:off x="1883360" y="-1901707"/>
            <a:ext cx="5709971" cy="9505270"/>
          </a:xfrm>
          <a:custGeom>
            <a:avLst/>
            <a:gdLst>
              <a:gd name="connsiteX0" fmla="*/ 0 w 5705912"/>
              <a:gd name="connsiteY0" fmla="*/ 9505270 h 9505270"/>
              <a:gd name="connsiteX1" fmla="*/ 0 w 5705912"/>
              <a:gd name="connsiteY1" fmla="*/ 0 h 9505270"/>
              <a:gd name="connsiteX2" fmla="*/ 5705912 w 5705912"/>
              <a:gd name="connsiteY2" fmla="*/ 5674948 h 9505270"/>
              <a:gd name="connsiteX3" fmla="*/ 5705912 w 5705912"/>
              <a:gd name="connsiteY3" fmla="*/ 9505270 h 9505270"/>
            </a:gdLst>
            <a:ahLst/>
            <a:cxnLst>
              <a:cxn ang="0">
                <a:pos x="connsiteX0" y="connsiteY0"/>
              </a:cxn>
              <a:cxn ang="0">
                <a:pos x="connsiteX1" y="connsiteY1"/>
              </a:cxn>
              <a:cxn ang="0">
                <a:pos x="connsiteX2" y="connsiteY2"/>
              </a:cxn>
              <a:cxn ang="0">
                <a:pos x="connsiteX3" y="connsiteY3"/>
              </a:cxn>
            </a:cxnLst>
            <a:rect l="l" t="t" r="r" b="b"/>
            <a:pathLst>
              <a:path w="5705912" h="9505270">
                <a:moveTo>
                  <a:pt x="0" y="9505270"/>
                </a:moveTo>
                <a:lnTo>
                  <a:pt x="0" y="0"/>
                </a:lnTo>
                <a:lnTo>
                  <a:pt x="5705912" y="5674948"/>
                </a:lnTo>
                <a:lnTo>
                  <a:pt x="5705912" y="9505270"/>
                </a:lnTo>
                <a:close/>
              </a:path>
            </a:pathLst>
          </a:custGeom>
          <a:solidFill>
            <a:schemeClr val="accent4"/>
          </a:solidFill>
          <a:ln>
            <a:noFill/>
          </a:ln>
        </p:spPr>
        <p:txBody>
          <a:bodyPr wrap="square">
            <a:noAutofit/>
          </a:bodyPr>
          <a:lstStyle/>
          <a:p>
            <a:endParaRPr lang="nl-NL"/>
          </a:p>
        </p:txBody>
      </p:sp>
      <p:sp>
        <p:nvSpPr>
          <p:cNvPr id="2" name="Titel 1">
            <a:extLst>
              <a:ext uri="{FF2B5EF4-FFF2-40B4-BE49-F238E27FC236}">
                <a16:creationId xmlns:a16="http://schemas.microsoft.com/office/drawing/2014/main" id="{4E5C8C94-6483-5F44-A214-6BBE58E30B33}"/>
              </a:ext>
            </a:extLst>
          </p:cNvPr>
          <p:cNvSpPr>
            <a:spLocks noGrp="1"/>
          </p:cNvSpPr>
          <p:nvPr>
            <p:ph type="ctrTitle" hasCustomPrompt="1"/>
          </p:nvPr>
        </p:nvSpPr>
        <p:spPr>
          <a:xfrm>
            <a:off x="631825" y="313067"/>
            <a:ext cx="9531678" cy="2387600"/>
          </a:xfrm>
        </p:spPr>
        <p:txBody>
          <a:bodyPr anchor="b">
            <a:noAutofit/>
          </a:bodyPr>
          <a:lstStyle>
            <a:lvl1pPr algn="l">
              <a:defRPr sz="6000">
                <a:solidFill>
                  <a:schemeClr val="accent1"/>
                </a:solidFill>
              </a:defRPr>
            </a:lvl1pPr>
          </a:lstStyle>
          <a:p>
            <a:r>
              <a:rPr lang="nl-NL"/>
              <a:t>Voeg titel toe</a:t>
            </a:r>
          </a:p>
        </p:txBody>
      </p:sp>
      <p:sp>
        <p:nvSpPr>
          <p:cNvPr id="3" name="Ondertitel 2">
            <a:extLst>
              <a:ext uri="{FF2B5EF4-FFF2-40B4-BE49-F238E27FC236}">
                <a16:creationId xmlns:a16="http://schemas.microsoft.com/office/drawing/2014/main" id="{D28D2045-79CC-614D-BA13-696E7AAAEE4A}"/>
              </a:ext>
            </a:extLst>
          </p:cNvPr>
          <p:cNvSpPr>
            <a:spLocks noGrp="1"/>
          </p:cNvSpPr>
          <p:nvPr>
            <p:ph type="subTitle" idx="1" hasCustomPrompt="1"/>
          </p:nvPr>
        </p:nvSpPr>
        <p:spPr>
          <a:xfrm>
            <a:off x="631825" y="2876824"/>
            <a:ext cx="9531678" cy="165576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pic>
        <p:nvPicPr>
          <p:cNvPr id="20" name="Picture 9">
            <a:extLst>
              <a:ext uri="{FF2B5EF4-FFF2-40B4-BE49-F238E27FC236}">
                <a16:creationId xmlns:a16="http://schemas.microsoft.com/office/drawing/2014/main" id="{42E0AF8F-2773-4A1E-A448-0EA7CC0EEB73}"/>
              </a:ext>
            </a:extLst>
          </p:cNvPr>
          <p:cNvPicPr>
            <a:picLocks noChangeAspect="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119360" y="5813207"/>
            <a:ext cx="1978025" cy="1025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9" name="Freeform: Shape 28">
            <a:extLst>
              <a:ext uri="{FF2B5EF4-FFF2-40B4-BE49-F238E27FC236}">
                <a16:creationId xmlns:a16="http://schemas.microsoft.com/office/drawing/2014/main" id="{7CFB27A8-9C4A-461D-9970-77857B17D290}"/>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0" name="Freeform: Shape 29">
            <a:extLst>
              <a:ext uri="{FF2B5EF4-FFF2-40B4-BE49-F238E27FC236}">
                <a16:creationId xmlns:a16="http://schemas.microsoft.com/office/drawing/2014/main" id="{DB080469-7312-4D9A-97F8-76CC0D697DCA}"/>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1" name="Freeform: Shape 30">
            <a:extLst>
              <a:ext uri="{FF2B5EF4-FFF2-40B4-BE49-F238E27FC236}">
                <a16:creationId xmlns:a16="http://schemas.microsoft.com/office/drawing/2014/main" id="{1917E6CC-D4C4-4A9E-961D-0B948335C1D5}"/>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2" name="Freeform: Shape 31">
            <a:extLst>
              <a:ext uri="{FF2B5EF4-FFF2-40B4-BE49-F238E27FC236}">
                <a16:creationId xmlns:a16="http://schemas.microsoft.com/office/drawing/2014/main" id="{E0CC0964-109E-4724-9CBD-9C5E8E1259E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3" name="Freeform: Shape 32">
            <a:extLst>
              <a:ext uri="{FF2B5EF4-FFF2-40B4-BE49-F238E27FC236}">
                <a16:creationId xmlns:a16="http://schemas.microsoft.com/office/drawing/2014/main" id="{BAA75C3C-7293-4F05-A284-5A879C55898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4" name="Freeform: Shape 33">
            <a:extLst>
              <a:ext uri="{FF2B5EF4-FFF2-40B4-BE49-F238E27FC236}">
                <a16:creationId xmlns:a16="http://schemas.microsoft.com/office/drawing/2014/main" id="{32BC5C39-F12F-4182-BF69-2195D6B83D8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5" name="Freeform: Shape 34">
            <a:extLst>
              <a:ext uri="{FF2B5EF4-FFF2-40B4-BE49-F238E27FC236}">
                <a16:creationId xmlns:a16="http://schemas.microsoft.com/office/drawing/2014/main" id="{E586304D-0D32-4355-AFB8-EE1B95429126}"/>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6" name="Freeform: Shape 35">
            <a:extLst>
              <a:ext uri="{FF2B5EF4-FFF2-40B4-BE49-F238E27FC236}">
                <a16:creationId xmlns:a16="http://schemas.microsoft.com/office/drawing/2014/main" id="{E46081E0-F5F3-471B-BD58-FAE737F9B87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7" name="Freeform: Shape 36">
            <a:extLst>
              <a:ext uri="{FF2B5EF4-FFF2-40B4-BE49-F238E27FC236}">
                <a16:creationId xmlns:a16="http://schemas.microsoft.com/office/drawing/2014/main" id="{4977F8C8-F8D3-467D-ADC4-D72F1CD86B0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8" name="Freeform: Shape 37">
            <a:extLst>
              <a:ext uri="{FF2B5EF4-FFF2-40B4-BE49-F238E27FC236}">
                <a16:creationId xmlns:a16="http://schemas.microsoft.com/office/drawing/2014/main" id="{ADF03386-67A2-4DA1-933B-68ACD7DB726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grpSp>
        <p:nvGrpSpPr>
          <p:cNvPr id="412" name="Group 411">
            <a:extLst>
              <a:ext uri="{FF2B5EF4-FFF2-40B4-BE49-F238E27FC236}">
                <a16:creationId xmlns:a16="http://schemas.microsoft.com/office/drawing/2014/main" id="{3D9CA86E-0332-4452-B729-E54474C27F2F}"/>
              </a:ext>
            </a:extLst>
          </p:cNvPr>
          <p:cNvGrpSpPr/>
          <p:nvPr userDrawn="1"/>
        </p:nvGrpSpPr>
        <p:grpSpPr>
          <a:xfrm>
            <a:off x="57964" y="6040468"/>
            <a:ext cx="10054060" cy="505212"/>
            <a:chOff x="57964" y="6040468"/>
            <a:chExt cx="10054060" cy="505212"/>
          </a:xfrm>
        </p:grpSpPr>
        <p:sp>
          <p:nvSpPr>
            <p:cNvPr id="119" name="Freeform: Shape 118">
              <a:extLst>
                <a:ext uri="{FF2B5EF4-FFF2-40B4-BE49-F238E27FC236}">
                  <a16:creationId xmlns:a16="http://schemas.microsoft.com/office/drawing/2014/main" id="{FBB5A79E-A673-4083-B350-775A277F3F18}"/>
                </a:ext>
              </a:extLst>
            </p:cNvPr>
            <p:cNvSpPr/>
            <p:nvPr/>
          </p:nvSpPr>
          <p:spPr>
            <a:xfrm>
              <a:off x="918490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3" name="Freeform: Shape 122">
              <a:extLst>
                <a:ext uri="{FF2B5EF4-FFF2-40B4-BE49-F238E27FC236}">
                  <a16:creationId xmlns:a16="http://schemas.microsoft.com/office/drawing/2014/main" id="{7314F4B8-9563-47B9-BA13-E917B36F7A1D}"/>
                </a:ext>
              </a:extLst>
            </p:cNvPr>
            <p:cNvSpPr/>
            <p:nvPr/>
          </p:nvSpPr>
          <p:spPr>
            <a:xfrm>
              <a:off x="918490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4" name="Freeform: Shape 123">
              <a:extLst>
                <a:ext uri="{FF2B5EF4-FFF2-40B4-BE49-F238E27FC236}">
                  <a16:creationId xmlns:a16="http://schemas.microsoft.com/office/drawing/2014/main" id="{E303E408-62FC-4C15-B556-62611CA3E64F}"/>
                </a:ext>
              </a:extLst>
            </p:cNvPr>
            <p:cNvSpPr/>
            <p:nvPr/>
          </p:nvSpPr>
          <p:spPr>
            <a:xfrm>
              <a:off x="918490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6" name="Freeform: Shape 125">
              <a:extLst>
                <a:ext uri="{FF2B5EF4-FFF2-40B4-BE49-F238E27FC236}">
                  <a16:creationId xmlns:a16="http://schemas.microsoft.com/office/drawing/2014/main" id="{F3879587-7221-44C7-9379-58125B709819}"/>
                </a:ext>
              </a:extLst>
            </p:cNvPr>
            <p:cNvSpPr/>
            <p:nvPr/>
          </p:nvSpPr>
          <p:spPr>
            <a:xfrm>
              <a:off x="932750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0" name="Freeform: Shape 129">
              <a:extLst>
                <a:ext uri="{FF2B5EF4-FFF2-40B4-BE49-F238E27FC236}">
                  <a16:creationId xmlns:a16="http://schemas.microsoft.com/office/drawing/2014/main" id="{F7D54071-55C5-4718-8A4A-D4A6A7EA3948}"/>
                </a:ext>
              </a:extLst>
            </p:cNvPr>
            <p:cNvSpPr/>
            <p:nvPr/>
          </p:nvSpPr>
          <p:spPr>
            <a:xfrm>
              <a:off x="932750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1" name="Freeform: Shape 130">
              <a:extLst>
                <a:ext uri="{FF2B5EF4-FFF2-40B4-BE49-F238E27FC236}">
                  <a16:creationId xmlns:a16="http://schemas.microsoft.com/office/drawing/2014/main" id="{6A601018-DD2A-4B51-B908-A7626B4D1FD9}"/>
                </a:ext>
              </a:extLst>
            </p:cNvPr>
            <p:cNvSpPr/>
            <p:nvPr/>
          </p:nvSpPr>
          <p:spPr>
            <a:xfrm>
              <a:off x="932750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3" name="Freeform: Shape 132">
              <a:extLst>
                <a:ext uri="{FF2B5EF4-FFF2-40B4-BE49-F238E27FC236}">
                  <a16:creationId xmlns:a16="http://schemas.microsoft.com/office/drawing/2014/main" id="{5F36B160-117D-4E4E-BF02-6D207613022B}"/>
                </a:ext>
              </a:extLst>
            </p:cNvPr>
            <p:cNvSpPr/>
            <p:nvPr/>
          </p:nvSpPr>
          <p:spPr>
            <a:xfrm>
              <a:off x="9470176"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7" name="Freeform: Shape 136">
              <a:extLst>
                <a:ext uri="{FF2B5EF4-FFF2-40B4-BE49-F238E27FC236}">
                  <a16:creationId xmlns:a16="http://schemas.microsoft.com/office/drawing/2014/main" id="{C299758A-84AF-48E4-A6B3-8BDA303CFC4C}"/>
                </a:ext>
              </a:extLst>
            </p:cNvPr>
            <p:cNvSpPr/>
            <p:nvPr/>
          </p:nvSpPr>
          <p:spPr>
            <a:xfrm>
              <a:off x="9470176"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8" name="Freeform: Shape 137">
              <a:extLst>
                <a:ext uri="{FF2B5EF4-FFF2-40B4-BE49-F238E27FC236}">
                  <a16:creationId xmlns:a16="http://schemas.microsoft.com/office/drawing/2014/main" id="{D877352E-FCC3-43A9-854D-49E30B67A212}"/>
                </a:ext>
              </a:extLst>
            </p:cNvPr>
            <p:cNvSpPr/>
            <p:nvPr/>
          </p:nvSpPr>
          <p:spPr>
            <a:xfrm>
              <a:off x="9470176"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0" name="Freeform: Shape 139">
              <a:extLst>
                <a:ext uri="{FF2B5EF4-FFF2-40B4-BE49-F238E27FC236}">
                  <a16:creationId xmlns:a16="http://schemas.microsoft.com/office/drawing/2014/main" id="{E2ECC865-A0A2-475A-AFD1-E02D5FC45FB1}"/>
                </a:ext>
              </a:extLst>
            </p:cNvPr>
            <p:cNvSpPr/>
            <p:nvPr/>
          </p:nvSpPr>
          <p:spPr>
            <a:xfrm>
              <a:off x="961277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4" name="Freeform: Shape 143">
              <a:extLst>
                <a:ext uri="{FF2B5EF4-FFF2-40B4-BE49-F238E27FC236}">
                  <a16:creationId xmlns:a16="http://schemas.microsoft.com/office/drawing/2014/main" id="{ACADF418-FAA8-4F33-93E5-FB38F5F04370}"/>
                </a:ext>
              </a:extLst>
            </p:cNvPr>
            <p:cNvSpPr/>
            <p:nvPr/>
          </p:nvSpPr>
          <p:spPr>
            <a:xfrm>
              <a:off x="961277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5" name="Freeform: Shape 144">
              <a:extLst>
                <a:ext uri="{FF2B5EF4-FFF2-40B4-BE49-F238E27FC236}">
                  <a16:creationId xmlns:a16="http://schemas.microsoft.com/office/drawing/2014/main" id="{29E39FFB-F607-45FF-B525-9FBA42B84515}"/>
                </a:ext>
              </a:extLst>
            </p:cNvPr>
            <p:cNvSpPr/>
            <p:nvPr/>
          </p:nvSpPr>
          <p:spPr>
            <a:xfrm>
              <a:off x="961277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7" name="Freeform: Shape 146">
              <a:extLst>
                <a:ext uri="{FF2B5EF4-FFF2-40B4-BE49-F238E27FC236}">
                  <a16:creationId xmlns:a16="http://schemas.microsoft.com/office/drawing/2014/main" id="{FF37CDEA-044B-46DE-A9B3-C1BC4A74AEE5}"/>
                </a:ext>
              </a:extLst>
            </p:cNvPr>
            <p:cNvSpPr/>
            <p:nvPr/>
          </p:nvSpPr>
          <p:spPr>
            <a:xfrm>
              <a:off x="97554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1" name="Freeform: Shape 150">
              <a:extLst>
                <a:ext uri="{FF2B5EF4-FFF2-40B4-BE49-F238E27FC236}">
                  <a16:creationId xmlns:a16="http://schemas.microsoft.com/office/drawing/2014/main" id="{883BEC52-1805-43EB-850F-A4FC16FED475}"/>
                </a:ext>
              </a:extLst>
            </p:cNvPr>
            <p:cNvSpPr/>
            <p:nvPr/>
          </p:nvSpPr>
          <p:spPr>
            <a:xfrm>
              <a:off x="97554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2" name="Freeform: Shape 151">
              <a:extLst>
                <a:ext uri="{FF2B5EF4-FFF2-40B4-BE49-F238E27FC236}">
                  <a16:creationId xmlns:a16="http://schemas.microsoft.com/office/drawing/2014/main" id="{F44B94CB-22BD-4C04-B55A-3D7CD110B22E}"/>
                </a:ext>
              </a:extLst>
            </p:cNvPr>
            <p:cNvSpPr/>
            <p:nvPr/>
          </p:nvSpPr>
          <p:spPr>
            <a:xfrm>
              <a:off x="97554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4" name="Freeform: Shape 153">
              <a:extLst>
                <a:ext uri="{FF2B5EF4-FFF2-40B4-BE49-F238E27FC236}">
                  <a16:creationId xmlns:a16="http://schemas.microsoft.com/office/drawing/2014/main" id="{4F174AC2-9247-499D-ADB9-AA882FB75AF7}"/>
                </a:ext>
              </a:extLst>
            </p:cNvPr>
            <p:cNvSpPr/>
            <p:nvPr/>
          </p:nvSpPr>
          <p:spPr>
            <a:xfrm>
              <a:off x="9898122"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8" name="Freeform: Shape 157">
              <a:extLst>
                <a:ext uri="{FF2B5EF4-FFF2-40B4-BE49-F238E27FC236}">
                  <a16:creationId xmlns:a16="http://schemas.microsoft.com/office/drawing/2014/main" id="{4CDFCD77-B492-457F-A3E1-BEFA542C038D}"/>
                </a:ext>
              </a:extLst>
            </p:cNvPr>
            <p:cNvSpPr/>
            <p:nvPr/>
          </p:nvSpPr>
          <p:spPr>
            <a:xfrm>
              <a:off x="9898122"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2" name="Freeform: Shape 161">
              <a:extLst>
                <a:ext uri="{FF2B5EF4-FFF2-40B4-BE49-F238E27FC236}">
                  <a16:creationId xmlns:a16="http://schemas.microsoft.com/office/drawing/2014/main" id="{3E300686-D5D8-482A-8202-AF942FA89E8C}"/>
                </a:ext>
              </a:extLst>
            </p:cNvPr>
            <p:cNvSpPr/>
            <p:nvPr/>
          </p:nvSpPr>
          <p:spPr>
            <a:xfrm>
              <a:off x="100407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4" name="Freeform: Shape 163">
              <a:extLst>
                <a:ext uri="{FF2B5EF4-FFF2-40B4-BE49-F238E27FC236}">
                  <a16:creationId xmlns:a16="http://schemas.microsoft.com/office/drawing/2014/main" id="{791F1B89-92BD-4C9C-914F-87165F4229BB}"/>
                </a:ext>
              </a:extLst>
            </p:cNvPr>
            <p:cNvSpPr/>
            <p:nvPr/>
          </p:nvSpPr>
          <p:spPr>
            <a:xfrm>
              <a:off x="100407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9" name="Freeform: Shape 38">
              <a:extLst>
                <a:ext uri="{FF2B5EF4-FFF2-40B4-BE49-F238E27FC236}">
                  <a16:creationId xmlns:a16="http://schemas.microsoft.com/office/drawing/2014/main" id="{5D038036-E487-4CEC-B6CF-FBE40EEC150E}"/>
                </a:ext>
              </a:extLst>
            </p:cNvPr>
            <p:cNvSpPr/>
            <p:nvPr/>
          </p:nvSpPr>
          <p:spPr>
            <a:xfrm>
              <a:off x="50482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0" name="Freeform: Shape 39">
              <a:extLst>
                <a:ext uri="{FF2B5EF4-FFF2-40B4-BE49-F238E27FC236}">
                  <a16:creationId xmlns:a16="http://schemas.microsoft.com/office/drawing/2014/main" id="{61BEA055-6200-4675-94DA-4F96012054A3}"/>
                </a:ext>
              </a:extLst>
            </p:cNvPr>
            <p:cNvSpPr/>
            <p:nvPr/>
          </p:nvSpPr>
          <p:spPr>
            <a:xfrm>
              <a:off x="761578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1" name="Freeform: Shape 40">
              <a:extLst>
                <a:ext uri="{FF2B5EF4-FFF2-40B4-BE49-F238E27FC236}">
                  <a16:creationId xmlns:a16="http://schemas.microsoft.com/office/drawing/2014/main" id="{D879A564-9B06-4425-B6D0-989F39B8CCB4}"/>
                </a:ext>
              </a:extLst>
            </p:cNvPr>
            <p:cNvSpPr/>
            <p:nvPr/>
          </p:nvSpPr>
          <p:spPr>
            <a:xfrm>
              <a:off x="50482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2" name="Freeform: Shape 41">
              <a:extLst>
                <a:ext uri="{FF2B5EF4-FFF2-40B4-BE49-F238E27FC236}">
                  <a16:creationId xmlns:a16="http://schemas.microsoft.com/office/drawing/2014/main" id="{793DB27F-D22A-4598-8FA0-76A9F930DB4F}"/>
                </a:ext>
              </a:extLst>
            </p:cNvPr>
            <p:cNvSpPr/>
            <p:nvPr/>
          </p:nvSpPr>
          <p:spPr>
            <a:xfrm>
              <a:off x="50482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3" name="Freeform: Shape 42">
              <a:extLst>
                <a:ext uri="{FF2B5EF4-FFF2-40B4-BE49-F238E27FC236}">
                  <a16:creationId xmlns:a16="http://schemas.microsoft.com/office/drawing/2014/main" id="{3D639325-E72D-4983-84C4-A9583BCD7840}"/>
                </a:ext>
              </a:extLst>
            </p:cNvPr>
            <p:cNvSpPr/>
            <p:nvPr/>
          </p:nvSpPr>
          <p:spPr>
            <a:xfrm>
              <a:off x="504825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4" name="Freeform: Shape 43">
              <a:extLst>
                <a:ext uri="{FF2B5EF4-FFF2-40B4-BE49-F238E27FC236}">
                  <a16:creationId xmlns:a16="http://schemas.microsoft.com/office/drawing/2014/main" id="{9B602F2D-73AC-4148-805C-4104095B98F0}"/>
                </a:ext>
              </a:extLst>
            </p:cNvPr>
            <p:cNvSpPr/>
            <p:nvPr/>
          </p:nvSpPr>
          <p:spPr>
            <a:xfrm>
              <a:off x="761578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5" name="Freeform: Shape 44">
              <a:extLst>
                <a:ext uri="{FF2B5EF4-FFF2-40B4-BE49-F238E27FC236}">
                  <a16:creationId xmlns:a16="http://schemas.microsoft.com/office/drawing/2014/main" id="{93B0E366-3CAC-4067-AAE8-14089D978935}"/>
                </a:ext>
              </a:extLst>
            </p:cNvPr>
            <p:cNvSpPr/>
            <p:nvPr/>
          </p:nvSpPr>
          <p:spPr>
            <a:xfrm>
              <a:off x="761578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6" name="Freeform: Shape 45">
              <a:extLst>
                <a:ext uri="{FF2B5EF4-FFF2-40B4-BE49-F238E27FC236}">
                  <a16:creationId xmlns:a16="http://schemas.microsoft.com/office/drawing/2014/main" id="{928422A2-39FD-4302-BD2E-C41B8C5B6F43}"/>
                </a:ext>
              </a:extLst>
            </p:cNvPr>
            <p:cNvSpPr/>
            <p:nvPr/>
          </p:nvSpPr>
          <p:spPr>
            <a:xfrm>
              <a:off x="761578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7" name="Freeform: Shape 46">
              <a:extLst>
                <a:ext uri="{FF2B5EF4-FFF2-40B4-BE49-F238E27FC236}">
                  <a16:creationId xmlns:a16="http://schemas.microsoft.com/office/drawing/2014/main" id="{A5178749-DA3F-457C-B11C-3D8A66D558E2}"/>
                </a:ext>
              </a:extLst>
            </p:cNvPr>
            <p:cNvSpPr/>
            <p:nvPr/>
          </p:nvSpPr>
          <p:spPr>
            <a:xfrm>
              <a:off x="53335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8" name="Freeform: Shape 47">
              <a:extLst>
                <a:ext uri="{FF2B5EF4-FFF2-40B4-BE49-F238E27FC236}">
                  <a16:creationId xmlns:a16="http://schemas.microsoft.com/office/drawing/2014/main" id="{8CCF38D3-E377-4642-ACF2-A2941FB6D6C9}"/>
                </a:ext>
              </a:extLst>
            </p:cNvPr>
            <p:cNvSpPr/>
            <p:nvPr/>
          </p:nvSpPr>
          <p:spPr>
            <a:xfrm>
              <a:off x="790106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9" name="Freeform: Shape 48">
              <a:extLst>
                <a:ext uri="{FF2B5EF4-FFF2-40B4-BE49-F238E27FC236}">
                  <a16:creationId xmlns:a16="http://schemas.microsoft.com/office/drawing/2014/main" id="{49E03297-F590-47A8-9224-9DE9CD7BE3B7}"/>
                </a:ext>
              </a:extLst>
            </p:cNvPr>
            <p:cNvSpPr/>
            <p:nvPr/>
          </p:nvSpPr>
          <p:spPr>
            <a:xfrm>
              <a:off x="533352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0" name="Freeform: Shape 49">
              <a:extLst>
                <a:ext uri="{FF2B5EF4-FFF2-40B4-BE49-F238E27FC236}">
                  <a16:creationId xmlns:a16="http://schemas.microsoft.com/office/drawing/2014/main" id="{59765AFA-AA6D-47A9-A557-DF1383D5DFAC}"/>
                </a:ext>
              </a:extLst>
            </p:cNvPr>
            <p:cNvSpPr/>
            <p:nvPr/>
          </p:nvSpPr>
          <p:spPr>
            <a:xfrm>
              <a:off x="53335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1" name="Freeform: Shape 50">
              <a:extLst>
                <a:ext uri="{FF2B5EF4-FFF2-40B4-BE49-F238E27FC236}">
                  <a16:creationId xmlns:a16="http://schemas.microsoft.com/office/drawing/2014/main" id="{E04551E8-FBDA-42A5-B5F1-ACCD3F76AE95}"/>
                </a:ext>
              </a:extLst>
            </p:cNvPr>
            <p:cNvSpPr/>
            <p:nvPr/>
          </p:nvSpPr>
          <p:spPr>
            <a:xfrm>
              <a:off x="533352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2" name="Freeform: Shape 51">
              <a:extLst>
                <a:ext uri="{FF2B5EF4-FFF2-40B4-BE49-F238E27FC236}">
                  <a16:creationId xmlns:a16="http://schemas.microsoft.com/office/drawing/2014/main" id="{C568421F-7044-4A10-A1FE-923CBA6A707E}"/>
                </a:ext>
              </a:extLst>
            </p:cNvPr>
            <p:cNvSpPr/>
            <p:nvPr/>
          </p:nvSpPr>
          <p:spPr>
            <a:xfrm>
              <a:off x="790106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3" name="Freeform: Shape 52">
              <a:extLst>
                <a:ext uri="{FF2B5EF4-FFF2-40B4-BE49-F238E27FC236}">
                  <a16:creationId xmlns:a16="http://schemas.microsoft.com/office/drawing/2014/main" id="{C8BBBC79-DA74-48CA-9B28-0D6327686B9E}"/>
                </a:ext>
              </a:extLst>
            </p:cNvPr>
            <p:cNvSpPr/>
            <p:nvPr/>
          </p:nvSpPr>
          <p:spPr>
            <a:xfrm>
              <a:off x="790106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4" name="Freeform: Shape 53">
              <a:extLst>
                <a:ext uri="{FF2B5EF4-FFF2-40B4-BE49-F238E27FC236}">
                  <a16:creationId xmlns:a16="http://schemas.microsoft.com/office/drawing/2014/main" id="{98E55AC3-5E3D-4EB4-BDA2-EDAC7E18D945}"/>
                </a:ext>
              </a:extLst>
            </p:cNvPr>
            <p:cNvSpPr/>
            <p:nvPr/>
          </p:nvSpPr>
          <p:spPr>
            <a:xfrm>
              <a:off x="790106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5" name="Freeform: Shape 54">
              <a:extLst>
                <a:ext uri="{FF2B5EF4-FFF2-40B4-BE49-F238E27FC236}">
                  <a16:creationId xmlns:a16="http://schemas.microsoft.com/office/drawing/2014/main" id="{3315EEF4-E395-4F39-84F6-C28BAE920118}"/>
                </a:ext>
              </a:extLst>
            </p:cNvPr>
            <p:cNvSpPr/>
            <p:nvPr/>
          </p:nvSpPr>
          <p:spPr>
            <a:xfrm>
              <a:off x="54761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6" name="Freeform: Shape 55">
              <a:extLst>
                <a:ext uri="{FF2B5EF4-FFF2-40B4-BE49-F238E27FC236}">
                  <a16:creationId xmlns:a16="http://schemas.microsoft.com/office/drawing/2014/main" id="{731F4630-1F40-4203-9A22-5F05D897A7B1}"/>
                </a:ext>
              </a:extLst>
            </p:cNvPr>
            <p:cNvSpPr/>
            <p:nvPr/>
          </p:nvSpPr>
          <p:spPr>
            <a:xfrm>
              <a:off x="804373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7" name="Freeform: Shape 56">
              <a:extLst>
                <a:ext uri="{FF2B5EF4-FFF2-40B4-BE49-F238E27FC236}">
                  <a16:creationId xmlns:a16="http://schemas.microsoft.com/office/drawing/2014/main" id="{C0C56C64-7D81-4F10-BACF-1AFCA2F7FBD1}"/>
                </a:ext>
              </a:extLst>
            </p:cNvPr>
            <p:cNvSpPr/>
            <p:nvPr/>
          </p:nvSpPr>
          <p:spPr>
            <a:xfrm>
              <a:off x="54761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8" name="Freeform: Shape 57">
              <a:extLst>
                <a:ext uri="{FF2B5EF4-FFF2-40B4-BE49-F238E27FC236}">
                  <a16:creationId xmlns:a16="http://schemas.microsoft.com/office/drawing/2014/main" id="{FAA06042-8415-4B14-B81F-FD50C8700DAC}"/>
                </a:ext>
              </a:extLst>
            </p:cNvPr>
            <p:cNvSpPr/>
            <p:nvPr/>
          </p:nvSpPr>
          <p:spPr>
            <a:xfrm>
              <a:off x="54761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9" name="Freeform: Shape 58">
              <a:extLst>
                <a:ext uri="{FF2B5EF4-FFF2-40B4-BE49-F238E27FC236}">
                  <a16:creationId xmlns:a16="http://schemas.microsoft.com/office/drawing/2014/main" id="{7E195C8E-6A70-48CB-AA84-2688EFF2A034}"/>
                </a:ext>
              </a:extLst>
            </p:cNvPr>
            <p:cNvSpPr/>
            <p:nvPr/>
          </p:nvSpPr>
          <p:spPr>
            <a:xfrm>
              <a:off x="54761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0" name="Freeform: Shape 59">
              <a:extLst>
                <a:ext uri="{FF2B5EF4-FFF2-40B4-BE49-F238E27FC236}">
                  <a16:creationId xmlns:a16="http://schemas.microsoft.com/office/drawing/2014/main" id="{1BD0DEF4-0837-4D4A-98A6-594F4D6E380D}"/>
                </a:ext>
              </a:extLst>
            </p:cNvPr>
            <p:cNvSpPr/>
            <p:nvPr/>
          </p:nvSpPr>
          <p:spPr>
            <a:xfrm>
              <a:off x="804373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1" name="Freeform: Shape 60">
              <a:extLst>
                <a:ext uri="{FF2B5EF4-FFF2-40B4-BE49-F238E27FC236}">
                  <a16:creationId xmlns:a16="http://schemas.microsoft.com/office/drawing/2014/main" id="{486D3C23-3579-43BB-B707-2E0420EB5940}"/>
                </a:ext>
              </a:extLst>
            </p:cNvPr>
            <p:cNvSpPr/>
            <p:nvPr/>
          </p:nvSpPr>
          <p:spPr>
            <a:xfrm>
              <a:off x="804373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2" name="Freeform: Shape 61">
              <a:extLst>
                <a:ext uri="{FF2B5EF4-FFF2-40B4-BE49-F238E27FC236}">
                  <a16:creationId xmlns:a16="http://schemas.microsoft.com/office/drawing/2014/main" id="{4A299754-769E-4797-AB87-DB343571428B}"/>
                </a:ext>
              </a:extLst>
            </p:cNvPr>
            <p:cNvSpPr/>
            <p:nvPr/>
          </p:nvSpPr>
          <p:spPr>
            <a:xfrm>
              <a:off x="804373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3" name="Freeform: Shape 62">
              <a:extLst>
                <a:ext uri="{FF2B5EF4-FFF2-40B4-BE49-F238E27FC236}">
                  <a16:creationId xmlns:a16="http://schemas.microsoft.com/office/drawing/2014/main" id="{FA71463F-9F61-4C0C-80A6-F5309D183561}"/>
                </a:ext>
              </a:extLst>
            </p:cNvPr>
            <p:cNvSpPr/>
            <p:nvPr/>
          </p:nvSpPr>
          <p:spPr>
            <a:xfrm>
              <a:off x="561879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4" name="Freeform: Shape 63">
              <a:extLst>
                <a:ext uri="{FF2B5EF4-FFF2-40B4-BE49-F238E27FC236}">
                  <a16:creationId xmlns:a16="http://schemas.microsoft.com/office/drawing/2014/main" id="{5253B8DE-C202-46A5-BB84-BE2085B413DE}"/>
                </a:ext>
              </a:extLst>
            </p:cNvPr>
            <p:cNvSpPr/>
            <p:nvPr/>
          </p:nvSpPr>
          <p:spPr>
            <a:xfrm>
              <a:off x="818640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5" name="Freeform: Shape 64">
              <a:extLst>
                <a:ext uri="{FF2B5EF4-FFF2-40B4-BE49-F238E27FC236}">
                  <a16:creationId xmlns:a16="http://schemas.microsoft.com/office/drawing/2014/main" id="{2BF04809-F482-4FF4-A92F-4D3F088B9325}"/>
                </a:ext>
              </a:extLst>
            </p:cNvPr>
            <p:cNvSpPr/>
            <p:nvPr/>
          </p:nvSpPr>
          <p:spPr>
            <a:xfrm>
              <a:off x="561879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6" name="Freeform: Shape 65">
              <a:extLst>
                <a:ext uri="{FF2B5EF4-FFF2-40B4-BE49-F238E27FC236}">
                  <a16:creationId xmlns:a16="http://schemas.microsoft.com/office/drawing/2014/main" id="{0E2612AA-0DAA-4CE4-A4FC-2CD8E3675650}"/>
                </a:ext>
              </a:extLst>
            </p:cNvPr>
            <p:cNvSpPr/>
            <p:nvPr/>
          </p:nvSpPr>
          <p:spPr>
            <a:xfrm>
              <a:off x="561879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7" name="Freeform: Shape 66">
              <a:extLst>
                <a:ext uri="{FF2B5EF4-FFF2-40B4-BE49-F238E27FC236}">
                  <a16:creationId xmlns:a16="http://schemas.microsoft.com/office/drawing/2014/main" id="{14224439-8340-4ED6-81A7-18FFF744DABF}"/>
                </a:ext>
              </a:extLst>
            </p:cNvPr>
            <p:cNvSpPr/>
            <p:nvPr/>
          </p:nvSpPr>
          <p:spPr>
            <a:xfrm>
              <a:off x="561879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8" name="Freeform: Shape 67">
              <a:extLst>
                <a:ext uri="{FF2B5EF4-FFF2-40B4-BE49-F238E27FC236}">
                  <a16:creationId xmlns:a16="http://schemas.microsoft.com/office/drawing/2014/main" id="{5E85F2ED-72FE-45ED-AEC5-B32ED10C5DC2}"/>
                </a:ext>
              </a:extLst>
            </p:cNvPr>
            <p:cNvSpPr/>
            <p:nvPr/>
          </p:nvSpPr>
          <p:spPr>
            <a:xfrm>
              <a:off x="818640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9" name="Freeform: Shape 68">
              <a:extLst>
                <a:ext uri="{FF2B5EF4-FFF2-40B4-BE49-F238E27FC236}">
                  <a16:creationId xmlns:a16="http://schemas.microsoft.com/office/drawing/2014/main" id="{0C2D1743-32B6-419C-A5EE-D234880371A1}"/>
                </a:ext>
              </a:extLst>
            </p:cNvPr>
            <p:cNvSpPr/>
            <p:nvPr/>
          </p:nvSpPr>
          <p:spPr>
            <a:xfrm>
              <a:off x="818640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0" name="Freeform: Shape 69">
              <a:extLst>
                <a:ext uri="{FF2B5EF4-FFF2-40B4-BE49-F238E27FC236}">
                  <a16:creationId xmlns:a16="http://schemas.microsoft.com/office/drawing/2014/main" id="{19C38E51-0804-4A8C-83C4-7615E2F2EC9C}"/>
                </a:ext>
              </a:extLst>
            </p:cNvPr>
            <p:cNvSpPr/>
            <p:nvPr/>
          </p:nvSpPr>
          <p:spPr>
            <a:xfrm>
              <a:off x="818640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1" name="Freeform: Shape 70">
              <a:extLst>
                <a:ext uri="{FF2B5EF4-FFF2-40B4-BE49-F238E27FC236}">
                  <a16:creationId xmlns:a16="http://schemas.microsoft.com/office/drawing/2014/main" id="{D12965FA-0901-4D9B-B1B3-E79AC56A3641}"/>
                </a:ext>
              </a:extLst>
            </p:cNvPr>
            <p:cNvSpPr/>
            <p:nvPr/>
          </p:nvSpPr>
          <p:spPr>
            <a:xfrm>
              <a:off x="576147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2" name="Freeform: Shape 71">
              <a:extLst>
                <a:ext uri="{FF2B5EF4-FFF2-40B4-BE49-F238E27FC236}">
                  <a16:creationId xmlns:a16="http://schemas.microsoft.com/office/drawing/2014/main" id="{E8458EAA-C378-4BEF-A643-6923127E7B54}"/>
                </a:ext>
              </a:extLst>
            </p:cNvPr>
            <p:cNvSpPr/>
            <p:nvPr/>
          </p:nvSpPr>
          <p:spPr>
            <a:xfrm>
              <a:off x="832900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3" name="Freeform: Shape 72">
              <a:extLst>
                <a:ext uri="{FF2B5EF4-FFF2-40B4-BE49-F238E27FC236}">
                  <a16:creationId xmlns:a16="http://schemas.microsoft.com/office/drawing/2014/main" id="{F30BBCC6-DABB-4D52-A6C9-66388994E0A7}"/>
                </a:ext>
              </a:extLst>
            </p:cNvPr>
            <p:cNvSpPr/>
            <p:nvPr/>
          </p:nvSpPr>
          <p:spPr>
            <a:xfrm>
              <a:off x="576147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4" name="Freeform: Shape 73">
              <a:extLst>
                <a:ext uri="{FF2B5EF4-FFF2-40B4-BE49-F238E27FC236}">
                  <a16:creationId xmlns:a16="http://schemas.microsoft.com/office/drawing/2014/main" id="{522B12BD-017E-490A-88B8-A5118F05E384}"/>
                </a:ext>
              </a:extLst>
            </p:cNvPr>
            <p:cNvSpPr/>
            <p:nvPr/>
          </p:nvSpPr>
          <p:spPr>
            <a:xfrm>
              <a:off x="576147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5" name="Freeform: Shape 74">
              <a:extLst>
                <a:ext uri="{FF2B5EF4-FFF2-40B4-BE49-F238E27FC236}">
                  <a16:creationId xmlns:a16="http://schemas.microsoft.com/office/drawing/2014/main" id="{1B33745F-3DB7-4F47-88A8-21343291EA19}"/>
                </a:ext>
              </a:extLst>
            </p:cNvPr>
            <p:cNvSpPr/>
            <p:nvPr/>
          </p:nvSpPr>
          <p:spPr>
            <a:xfrm>
              <a:off x="576147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6" name="Freeform: Shape 75">
              <a:extLst>
                <a:ext uri="{FF2B5EF4-FFF2-40B4-BE49-F238E27FC236}">
                  <a16:creationId xmlns:a16="http://schemas.microsoft.com/office/drawing/2014/main" id="{E218D883-BFD1-4D9C-A0C3-2E85FE22E65F}"/>
                </a:ext>
              </a:extLst>
            </p:cNvPr>
            <p:cNvSpPr/>
            <p:nvPr/>
          </p:nvSpPr>
          <p:spPr>
            <a:xfrm>
              <a:off x="832900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7" name="Freeform: Shape 76">
              <a:extLst>
                <a:ext uri="{FF2B5EF4-FFF2-40B4-BE49-F238E27FC236}">
                  <a16:creationId xmlns:a16="http://schemas.microsoft.com/office/drawing/2014/main" id="{A3D2871E-F2F7-431F-B864-00084831F3B6}"/>
                </a:ext>
              </a:extLst>
            </p:cNvPr>
            <p:cNvSpPr/>
            <p:nvPr/>
          </p:nvSpPr>
          <p:spPr>
            <a:xfrm>
              <a:off x="832900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8" name="Freeform: Shape 77">
              <a:extLst>
                <a:ext uri="{FF2B5EF4-FFF2-40B4-BE49-F238E27FC236}">
                  <a16:creationId xmlns:a16="http://schemas.microsoft.com/office/drawing/2014/main" id="{09913F84-6815-4D23-9000-820F299CE932}"/>
                </a:ext>
              </a:extLst>
            </p:cNvPr>
            <p:cNvSpPr/>
            <p:nvPr/>
          </p:nvSpPr>
          <p:spPr>
            <a:xfrm>
              <a:off x="832900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9" name="Freeform: Shape 78">
              <a:extLst>
                <a:ext uri="{FF2B5EF4-FFF2-40B4-BE49-F238E27FC236}">
                  <a16:creationId xmlns:a16="http://schemas.microsoft.com/office/drawing/2014/main" id="{96C68A4B-2BD2-477F-A5FF-39486FC1A0B5}"/>
                </a:ext>
              </a:extLst>
            </p:cNvPr>
            <p:cNvSpPr/>
            <p:nvPr/>
          </p:nvSpPr>
          <p:spPr>
            <a:xfrm>
              <a:off x="5904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0" name="Freeform: Shape 79">
              <a:extLst>
                <a:ext uri="{FF2B5EF4-FFF2-40B4-BE49-F238E27FC236}">
                  <a16:creationId xmlns:a16="http://schemas.microsoft.com/office/drawing/2014/main" id="{E021036E-9FFC-4167-98DD-2E58A9E870A5}"/>
                </a:ext>
              </a:extLst>
            </p:cNvPr>
            <p:cNvSpPr/>
            <p:nvPr/>
          </p:nvSpPr>
          <p:spPr>
            <a:xfrm>
              <a:off x="847168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1" name="Freeform: Shape 80">
              <a:extLst>
                <a:ext uri="{FF2B5EF4-FFF2-40B4-BE49-F238E27FC236}">
                  <a16:creationId xmlns:a16="http://schemas.microsoft.com/office/drawing/2014/main" id="{DA72E3A2-A47B-4EA9-A86A-83FBABB8E592}"/>
                </a:ext>
              </a:extLst>
            </p:cNvPr>
            <p:cNvSpPr/>
            <p:nvPr/>
          </p:nvSpPr>
          <p:spPr>
            <a:xfrm>
              <a:off x="5904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2" name="Freeform: Shape 81">
              <a:extLst>
                <a:ext uri="{FF2B5EF4-FFF2-40B4-BE49-F238E27FC236}">
                  <a16:creationId xmlns:a16="http://schemas.microsoft.com/office/drawing/2014/main" id="{F91B2307-41FE-4C47-BF22-F074AF9AC3DC}"/>
                </a:ext>
              </a:extLst>
            </p:cNvPr>
            <p:cNvSpPr/>
            <p:nvPr/>
          </p:nvSpPr>
          <p:spPr>
            <a:xfrm>
              <a:off x="5904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3" name="Freeform: Shape 82">
              <a:extLst>
                <a:ext uri="{FF2B5EF4-FFF2-40B4-BE49-F238E27FC236}">
                  <a16:creationId xmlns:a16="http://schemas.microsoft.com/office/drawing/2014/main" id="{13378EB6-BA15-4CF1-B935-B2039EFDFFE8}"/>
                </a:ext>
              </a:extLst>
            </p:cNvPr>
            <p:cNvSpPr/>
            <p:nvPr/>
          </p:nvSpPr>
          <p:spPr>
            <a:xfrm>
              <a:off x="5904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4" name="Freeform: Shape 83">
              <a:extLst>
                <a:ext uri="{FF2B5EF4-FFF2-40B4-BE49-F238E27FC236}">
                  <a16:creationId xmlns:a16="http://schemas.microsoft.com/office/drawing/2014/main" id="{F0989A68-5462-47EB-88A6-13C68CDC5CEF}"/>
                </a:ext>
              </a:extLst>
            </p:cNvPr>
            <p:cNvSpPr/>
            <p:nvPr/>
          </p:nvSpPr>
          <p:spPr>
            <a:xfrm>
              <a:off x="847168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5" name="Freeform: Shape 84">
              <a:extLst>
                <a:ext uri="{FF2B5EF4-FFF2-40B4-BE49-F238E27FC236}">
                  <a16:creationId xmlns:a16="http://schemas.microsoft.com/office/drawing/2014/main" id="{D9648252-04C1-4420-B7F4-07D90BF0A632}"/>
                </a:ext>
              </a:extLst>
            </p:cNvPr>
            <p:cNvSpPr/>
            <p:nvPr/>
          </p:nvSpPr>
          <p:spPr>
            <a:xfrm>
              <a:off x="847168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6" name="Freeform: Shape 85">
              <a:extLst>
                <a:ext uri="{FF2B5EF4-FFF2-40B4-BE49-F238E27FC236}">
                  <a16:creationId xmlns:a16="http://schemas.microsoft.com/office/drawing/2014/main" id="{14AC37F7-89BD-4FAF-A5F2-62C1A580C02F}"/>
                </a:ext>
              </a:extLst>
            </p:cNvPr>
            <p:cNvSpPr/>
            <p:nvPr/>
          </p:nvSpPr>
          <p:spPr>
            <a:xfrm>
              <a:off x="604674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7" name="Freeform: Shape 86">
              <a:extLst>
                <a:ext uri="{FF2B5EF4-FFF2-40B4-BE49-F238E27FC236}">
                  <a16:creationId xmlns:a16="http://schemas.microsoft.com/office/drawing/2014/main" id="{3D481774-0D5F-4191-B7A3-BD1EFF21CD77}"/>
                </a:ext>
              </a:extLst>
            </p:cNvPr>
            <p:cNvSpPr/>
            <p:nvPr/>
          </p:nvSpPr>
          <p:spPr>
            <a:xfrm>
              <a:off x="861428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8" name="Freeform: Shape 87">
              <a:extLst>
                <a:ext uri="{FF2B5EF4-FFF2-40B4-BE49-F238E27FC236}">
                  <a16:creationId xmlns:a16="http://schemas.microsoft.com/office/drawing/2014/main" id="{9A5647BF-3899-449D-9C82-15C6FEE40713}"/>
                </a:ext>
              </a:extLst>
            </p:cNvPr>
            <p:cNvSpPr/>
            <p:nvPr/>
          </p:nvSpPr>
          <p:spPr>
            <a:xfrm>
              <a:off x="604674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9" name="Freeform: Shape 88">
              <a:extLst>
                <a:ext uri="{FF2B5EF4-FFF2-40B4-BE49-F238E27FC236}">
                  <a16:creationId xmlns:a16="http://schemas.microsoft.com/office/drawing/2014/main" id="{6EFA414C-5F21-48DB-80BA-47EDA24CC0EB}"/>
                </a:ext>
              </a:extLst>
            </p:cNvPr>
            <p:cNvSpPr/>
            <p:nvPr/>
          </p:nvSpPr>
          <p:spPr>
            <a:xfrm>
              <a:off x="604674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0" name="Freeform: Shape 89">
              <a:extLst>
                <a:ext uri="{FF2B5EF4-FFF2-40B4-BE49-F238E27FC236}">
                  <a16:creationId xmlns:a16="http://schemas.microsoft.com/office/drawing/2014/main" id="{13AD91C5-4441-4169-8C1A-5B112E1C0768}"/>
                </a:ext>
              </a:extLst>
            </p:cNvPr>
            <p:cNvSpPr/>
            <p:nvPr/>
          </p:nvSpPr>
          <p:spPr>
            <a:xfrm>
              <a:off x="604674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1" name="Freeform: Shape 90">
              <a:extLst>
                <a:ext uri="{FF2B5EF4-FFF2-40B4-BE49-F238E27FC236}">
                  <a16:creationId xmlns:a16="http://schemas.microsoft.com/office/drawing/2014/main" id="{8A66D5BD-D5C6-4B1D-A38C-060603FBBB92}"/>
                </a:ext>
              </a:extLst>
            </p:cNvPr>
            <p:cNvSpPr/>
            <p:nvPr/>
          </p:nvSpPr>
          <p:spPr>
            <a:xfrm>
              <a:off x="861428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2" name="Freeform: Shape 91">
              <a:extLst>
                <a:ext uri="{FF2B5EF4-FFF2-40B4-BE49-F238E27FC236}">
                  <a16:creationId xmlns:a16="http://schemas.microsoft.com/office/drawing/2014/main" id="{2EE92EA5-0729-449E-8DF6-E3FAF8B11FB2}"/>
                </a:ext>
              </a:extLst>
            </p:cNvPr>
            <p:cNvSpPr/>
            <p:nvPr/>
          </p:nvSpPr>
          <p:spPr>
            <a:xfrm>
              <a:off x="861428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3" name="Freeform: Shape 92">
              <a:extLst>
                <a:ext uri="{FF2B5EF4-FFF2-40B4-BE49-F238E27FC236}">
                  <a16:creationId xmlns:a16="http://schemas.microsoft.com/office/drawing/2014/main" id="{67F2A1B1-9913-4F10-AC5B-019D0ED5F9E1}"/>
                </a:ext>
              </a:extLst>
            </p:cNvPr>
            <p:cNvSpPr/>
            <p:nvPr/>
          </p:nvSpPr>
          <p:spPr>
            <a:xfrm>
              <a:off x="861428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4" name="Freeform: Shape 93">
              <a:extLst>
                <a:ext uri="{FF2B5EF4-FFF2-40B4-BE49-F238E27FC236}">
                  <a16:creationId xmlns:a16="http://schemas.microsoft.com/office/drawing/2014/main" id="{01965D0E-EF06-4233-BD91-47DEDE9E68AA}"/>
                </a:ext>
              </a:extLst>
            </p:cNvPr>
            <p:cNvSpPr/>
            <p:nvPr/>
          </p:nvSpPr>
          <p:spPr>
            <a:xfrm>
              <a:off x="618941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5" name="Freeform: Shape 94">
              <a:extLst>
                <a:ext uri="{FF2B5EF4-FFF2-40B4-BE49-F238E27FC236}">
                  <a16:creationId xmlns:a16="http://schemas.microsoft.com/office/drawing/2014/main" id="{204B2D3B-CC51-4BF3-97BD-F5D06E1DD6F2}"/>
                </a:ext>
              </a:extLst>
            </p:cNvPr>
            <p:cNvSpPr/>
            <p:nvPr/>
          </p:nvSpPr>
          <p:spPr>
            <a:xfrm>
              <a:off x="8756955"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6" name="Freeform: Shape 95">
              <a:extLst>
                <a:ext uri="{FF2B5EF4-FFF2-40B4-BE49-F238E27FC236}">
                  <a16:creationId xmlns:a16="http://schemas.microsoft.com/office/drawing/2014/main" id="{4992508A-829F-45F0-A89F-412A52699F19}"/>
                </a:ext>
              </a:extLst>
            </p:cNvPr>
            <p:cNvSpPr/>
            <p:nvPr/>
          </p:nvSpPr>
          <p:spPr>
            <a:xfrm>
              <a:off x="618941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7" name="Freeform: Shape 96">
              <a:extLst>
                <a:ext uri="{FF2B5EF4-FFF2-40B4-BE49-F238E27FC236}">
                  <a16:creationId xmlns:a16="http://schemas.microsoft.com/office/drawing/2014/main" id="{4C3C7150-757E-4A52-88DB-44D014725CEE}"/>
                </a:ext>
              </a:extLst>
            </p:cNvPr>
            <p:cNvSpPr/>
            <p:nvPr/>
          </p:nvSpPr>
          <p:spPr>
            <a:xfrm>
              <a:off x="618941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8" name="Freeform: Shape 97">
              <a:extLst>
                <a:ext uri="{FF2B5EF4-FFF2-40B4-BE49-F238E27FC236}">
                  <a16:creationId xmlns:a16="http://schemas.microsoft.com/office/drawing/2014/main" id="{17D51A27-830B-4EB4-B363-122134EA2B44}"/>
                </a:ext>
              </a:extLst>
            </p:cNvPr>
            <p:cNvSpPr/>
            <p:nvPr/>
          </p:nvSpPr>
          <p:spPr>
            <a:xfrm>
              <a:off x="618941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9" name="Freeform: Shape 98">
              <a:extLst>
                <a:ext uri="{FF2B5EF4-FFF2-40B4-BE49-F238E27FC236}">
                  <a16:creationId xmlns:a16="http://schemas.microsoft.com/office/drawing/2014/main" id="{F7405B1D-9AB5-46C6-B76A-B8737B0F2F74}"/>
                </a:ext>
              </a:extLst>
            </p:cNvPr>
            <p:cNvSpPr/>
            <p:nvPr/>
          </p:nvSpPr>
          <p:spPr>
            <a:xfrm>
              <a:off x="8756955"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0" name="Freeform: Shape 99">
              <a:extLst>
                <a:ext uri="{FF2B5EF4-FFF2-40B4-BE49-F238E27FC236}">
                  <a16:creationId xmlns:a16="http://schemas.microsoft.com/office/drawing/2014/main" id="{66ED331E-1980-4E68-952E-EC03CD650AA7}"/>
                </a:ext>
              </a:extLst>
            </p:cNvPr>
            <p:cNvSpPr/>
            <p:nvPr/>
          </p:nvSpPr>
          <p:spPr>
            <a:xfrm>
              <a:off x="8756955"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1" name="Freeform: Shape 100">
              <a:extLst>
                <a:ext uri="{FF2B5EF4-FFF2-40B4-BE49-F238E27FC236}">
                  <a16:creationId xmlns:a16="http://schemas.microsoft.com/office/drawing/2014/main" id="{D690871E-79D8-48EF-B72E-35C9851C3936}"/>
                </a:ext>
              </a:extLst>
            </p:cNvPr>
            <p:cNvSpPr/>
            <p:nvPr/>
          </p:nvSpPr>
          <p:spPr>
            <a:xfrm>
              <a:off x="8756955"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2" name="Freeform: Shape 101">
              <a:extLst>
                <a:ext uri="{FF2B5EF4-FFF2-40B4-BE49-F238E27FC236}">
                  <a16:creationId xmlns:a16="http://schemas.microsoft.com/office/drawing/2014/main" id="{409B7C7A-0ADE-47E1-929E-12F8A6B5C097}"/>
                </a:ext>
              </a:extLst>
            </p:cNvPr>
            <p:cNvSpPr/>
            <p:nvPr/>
          </p:nvSpPr>
          <p:spPr>
            <a:xfrm>
              <a:off x="633201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3" name="Freeform: Shape 102">
              <a:extLst>
                <a:ext uri="{FF2B5EF4-FFF2-40B4-BE49-F238E27FC236}">
                  <a16:creationId xmlns:a16="http://schemas.microsoft.com/office/drawing/2014/main" id="{029CDFCF-B8C6-4D9A-BEF6-3B8D94582F29}"/>
                </a:ext>
              </a:extLst>
            </p:cNvPr>
            <p:cNvSpPr/>
            <p:nvPr/>
          </p:nvSpPr>
          <p:spPr>
            <a:xfrm>
              <a:off x="88996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4" name="Freeform: Shape 103">
              <a:extLst>
                <a:ext uri="{FF2B5EF4-FFF2-40B4-BE49-F238E27FC236}">
                  <a16:creationId xmlns:a16="http://schemas.microsoft.com/office/drawing/2014/main" id="{18320B64-F66B-4A92-A2AF-82BC6C42CA53}"/>
                </a:ext>
              </a:extLst>
            </p:cNvPr>
            <p:cNvSpPr/>
            <p:nvPr/>
          </p:nvSpPr>
          <p:spPr>
            <a:xfrm>
              <a:off x="633201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5" name="Freeform: Shape 104">
              <a:extLst>
                <a:ext uri="{FF2B5EF4-FFF2-40B4-BE49-F238E27FC236}">
                  <a16:creationId xmlns:a16="http://schemas.microsoft.com/office/drawing/2014/main" id="{EB44A32B-BE01-464D-9198-575AFC6C2E2E}"/>
                </a:ext>
              </a:extLst>
            </p:cNvPr>
            <p:cNvSpPr/>
            <p:nvPr/>
          </p:nvSpPr>
          <p:spPr>
            <a:xfrm>
              <a:off x="633201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6" name="Freeform: Shape 105">
              <a:extLst>
                <a:ext uri="{FF2B5EF4-FFF2-40B4-BE49-F238E27FC236}">
                  <a16:creationId xmlns:a16="http://schemas.microsoft.com/office/drawing/2014/main" id="{7CA954BA-5A74-4AAD-ABC4-176729FDE046}"/>
                </a:ext>
              </a:extLst>
            </p:cNvPr>
            <p:cNvSpPr/>
            <p:nvPr/>
          </p:nvSpPr>
          <p:spPr>
            <a:xfrm>
              <a:off x="633201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7" name="Freeform: Shape 106">
              <a:extLst>
                <a:ext uri="{FF2B5EF4-FFF2-40B4-BE49-F238E27FC236}">
                  <a16:creationId xmlns:a16="http://schemas.microsoft.com/office/drawing/2014/main" id="{80BC3E72-0EBD-4623-BF24-42969768F22A}"/>
                </a:ext>
              </a:extLst>
            </p:cNvPr>
            <p:cNvSpPr/>
            <p:nvPr/>
          </p:nvSpPr>
          <p:spPr>
            <a:xfrm>
              <a:off x="88996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8" name="Freeform: Shape 107">
              <a:extLst>
                <a:ext uri="{FF2B5EF4-FFF2-40B4-BE49-F238E27FC236}">
                  <a16:creationId xmlns:a16="http://schemas.microsoft.com/office/drawing/2014/main" id="{819BD11E-FDBC-4B33-A524-D0308250361B}"/>
                </a:ext>
              </a:extLst>
            </p:cNvPr>
            <p:cNvSpPr/>
            <p:nvPr/>
          </p:nvSpPr>
          <p:spPr>
            <a:xfrm>
              <a:off x="88996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9" name="Freeform: Shape 108">
              <a:extLst>
                <a:ext uri="{FF2B5EF4-FFF2-40B4-BE49-F238E27FC236}">
                  <a16:creationId xmlns:a16="http://schemas.microsoft.com/office/drawing/2014/main" id="{6FA7C197-146A-4992-A9B5-4BACD232CCA4}"/>
                </a:ext>
              </a:extLst>
            </p:cNvPr>
            <p:cNvSpPr/>
            <p:nvPr/>
          </p:nvSpPr>
          <p:spPr>
            <a:xfrm>
              <a:off x="88996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0" name="Freeform: Shape 109">
              <a:extLst>
                <a:ext uri="{FF2B5EF4-FFF2-40B4-BE49-F238E27FC236}">
                  <a16:creationId xmlns:a16="http://schemas.microsoft.com/office/drawing/2014/main" id="{7568733B-6B2A-49EC-9F8B-6500197716A0}"/>
                </a:ext>
              </a:extLst>
            </p:cNvPr>
            <p:cNvSpPr/>
            <p:nvPr/>
          </p:nvSpPr>
          <p:spPr>
            <a:xfrm>
              <a:off x="647469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1" name="Freeform: Shape 110">
              <a:extLst>
                <a:ext uri="{FF2B5EF4-FFF2-40B4-BE49-F238E27FC236}">
                  <a16:creationId xmlns:a16="http://schemas.microsoft.com/office/drawing/2014/main" id="{50114FD4-DDEB-4322-94E0-363FCE0DD652}"/>
                </a:ext>
              </a:extLst>
            </p:cNvPr>
            <p:cNvSpPr/>
            <p:nvPr/>
          </p:nvSpPr>
          <p:spPr>
            <a:xfrm>
              <a:off x="904222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2" name="Freeform: Shape 111">
              <a:extLst>
                <a:ext uri="{FF2B5EF4-FFF2-40B4-BE49-F238E27FC236}">
                  <a16:creationId xmlns:a16="http://schemas.microsoft.com/office/drawing/2014/main" id="{EC226B35-606E-4D9D-AD59-0A9A80EEDE72}"/>
                </a:ext>
              </a:extLst>
            </p:cNvPr>
            <p:cNvSpPr/>
            <p:nvPr/>
          </p:nvSpPr>
          <p:spPr>
            <a:xfrm>
              <a:off x="647469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3" name="Freeform: Shape 112">
              <a:extLst>
                <a:ext uri="{FF2B5EF4-FFF2-40B4-BE49-F238E27FC236}">
                  <a16:creationId xmlns:a16="http://schemas.microsoft.com/office/drawing/2014/main" id="{168C6E95-C718-4DDD-9461-CF94683EAB81}"/>
                </a:ext>
              </a:extLst>
            </p:cNvPr>
            <p:cNvSpPr/>
            <p:nvPr/>
          </p:nvSpPr>
          <p:spPr>
            <a:xfrm>
              <a:off x="647469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4" name="Freeform: Shape 113">
              <a:extLst>
                <a:ext uri="{FF2B5EF4-FFF2-40B4-BE49-F238E27FC236}">
                  <a16:creationId xmlns:a16="http://schemas.microsoft.com/office/drawing/2014/main" id="{A25FE9C2-BC11-4B5C-9424-F7D614DD9314}"/>
                </a:ext>
              </a:extLst>
            </p:cNvPr>
            <p:cNvSpPr/>
            <p:nvPr/>
          </p:nvSpPr>
          <p:spPr>
            <a:xfrm>
              <a:off x="647469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5" name="Freeform: Shape 114">
              <a:extLst>
                <a:ext uri="{FF2B5EF4-FFF2-40B4-BE49-F238E27FC236}">
                  <a16:creationId xmlns:a16="http://schemas.microsoft.com/office/drawing/2014/main" id="{55A2A430-C4DB-4402-B886-3A3D68C1B0BC}"/>
                </a:ext>
              </a:extLst>
            </p:cNvPr>
            <p:cNvSpPr/>
            <p:nvPr/>
          </p:nvSpPr>
          <p:spPr>
            <a:xfrm>
              <a:off x="904222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6" name="Freeform: Shape 115">
              <a:extLst>
                <a:ext uri="{FF2B5EF4-FFF2-40B4-BE49-F238E27FC236}">
                  <a16:creationId xmlns:a16="http://schemas.microsoft.com/office/drawing/2014/main" id="{1536ED74-0F1B-43BF-A93F-BBD503130938}"/>
                </a:ext>
              </a:extLst>
            </p:cNvPr>
            <p:cNvSpPr/>
            <p:nvPr/>
          </p:nvSpPr>
          <p:spPr>
            <a:xfrm>
              <a:off x="904222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7" name="Freeform: Shape 116">
              <a:extLst>
                <a:ext uri="{FF2B5EF4-FFF2-40B4-BE49-F238E27FC236}">
                  <a16:creationId xmlns:a16="http://schemas.microsoft.com/office/drawing/2014/main" id="{141B1486-0EFC-43DD-973A-25FEC6B90AE5}"/>
                </a:ext>
              </a:extLst>
            </p:cNvPr>
            <p:cNvSpPr/>
            <p:nvPr/>
          </p:nvSpPr>
          <p:spPr>
            <a:xfrm>
              <a:off x="904222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8" name="Freeform: Shape 117">
              <a:extLst>
                <a:ext uri="{FF2B5EF4-FFF2-40B4-BE49-F238E27FC236}">
                  <a16:creationId xmlns:a16="http://schemas.microsoft.com/office/drawing/2014/main" id="{F644D102-3AE2-439C-B964-712E6339B6AF}"/>
                </a:ext>
              </a:extLst>
            </p:cNvPr>
            <p:cNvSpPr/>
            <p:nvPr/>
          </p:nvSpPr>
          <p:spPr>
            <a:xfrm>
              <a:off x="661729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0" name="Freeform: Shape 119">
              <a:extLst>
                <a:ext uri="{FF2B5EF4-FFF2-40B4-BE49-F238E27FC236}">
                  <a16:creationId xmlns:a16="http://schemas.microsoft.com/office/drawing/2014/main" id="{B682A1FB-563B-4068-8C4E-317A6DDCA9FE}"/>
                </a:ext>
              </a:extLst>
            </p:cNvPr>
            <p:cNvSpPr/>
            <p:nvPr/>
          </p:nvSpPr>
          <p:spPr>
            <a:xfrm>
              <a:off x="661729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1" name="Freeform: Shape 120">
              <a:extLst>
                <a:ext uri="{FF2B5EF4-FFF2-40B4-BE49-F238E27FC236}">
                  <a16:creationId xmlns:a16="http://schemas.microsoft.com/office/drawing/2014/main" id="{F789FFE1-C574-4F43-B786-715540751909}"/>
                </a:ext>
              </a:extLst>
            </p:cNvPr>
            <p:cNvSpPr/>
            <p:nvPr/>
          </p:nvSpPr>
          <p:spPr>
            <a:xfrm>
              <a:off x="661729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2" name="Freeform: Shape 121">
              <a:extLst>
                <a:ext uri="{FF2B5EF4-FFF2-40B4-BE49-F238E27FC236}">
                  <a16:creationId xmlns:a16="http://schemas.microsoft.com/office/drawing/2014/main" id="{7F9D7825-0D90-4799-883E-2E379F47A284}"/>
                </a:ext>
              </a:extLst>
            </p:cNvPr>
            <p:cNvSpPr/>
            <p:nvPr/>
          </p:nvSpPr>
          <p:spPr>
            <a:xfrm>
              <a:off x="661729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5" name="Freeform: Shape 124">
              <a:extLst>
                <a:ext uri="{FF2B5EF4-FFF2-40B4-BE49-F238E27FC236}">
                  <a16:creationId xmlns:a16="http://schemas.microsoft.com/office/drawing/2014/main" id="{40CF1F65-92BB-4DC7-8B42-D364E5567E80}"/>
                </a:ext>
              </a:extLst>
            </p:cNvPr>
            <p:cNvSpPr/>
            <p:nvPr/>
          </p:nvSpPr>
          <p:spPr>
            <a:xfrm>
              <a:off x="675996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7" name="Freeform: Shape 126">
              <a:extLst>
                <a:ext uri="{FF2B5EF4-FFF2-40B4-BE49-F238E27FC236}">
                  <a16:creationId xmlns:a16="http://schemas.microsoft.com/office/drawing/2014/main" id="{CA2D31C0-E4F3-4B4C-BE3D-A738094122DB}"/>
                </a:ext>
              </a:extLst>
            </p:cNvPr>
            <p:cNvSpPr/>
            <p:nvPr/>
          </p:nvSpPr>
          <p:spPr>
            <a:xfrm>
              <a:off x="675996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8" name="Freeform: Shape 127">
              <a:extLst>
                <a:ext uri="{FF2B5EF4-FFF2-40B4-BE49-F238E27FC236}">
                  <a16:creationId xmlns:a16="http://schemas.microsoft.com/office/drawing/2014/main" id="{9D7873BF-023B-4D8A-B777-915A520D44CC}"/>
                </a:ext>
              </a:extLst>
            </p:cNvPr>
            <p:cNvSpPr/>
            <p:nvPr/>
          </p:nvSpPr>
          <p:spPr>
            <a:xfrm>
              <a:off x="675996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9" name="Freeform: Shape 128">
              <a:extLst>
                <a:ext uri="{FF2B5EF4-FFF2-40B4-BE49-F238E27FC236}">
                  <a16:creationId xmlns:a16="http://schemas.microsoft.com/office/drawing/2014/main" id="{C6545918-1854-489F-8809-B9C11FD56D42}"/>
                </a:ext>
              </a:extLst>
            </p:cNvPr>
            <p:cNvSpPr/>
            <p:nvPr/>
          </p:nvSpPr>
          <p:spPr>
            <a:xfrm>
              <a:off x="675996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2" name="Freeform: Shape 131">
              <a:extLst>
                <a:ext uri="{FF2B5EF4-FFF2-40B4-BE49-F238E27FC236}">
                  <a16:creationId xmlns:a16="http://schemas.microsoft.com/office/drawing/2014/main" id="{E181D08F-12E8-4057-BB36-592919EA1A42}"/>
                </a:ext>
              </a:extLst>
            </p:cNvPr>
            <p:cNvSpPr/>
            <p:nvPr/>
          </p:nvSpPr>
          <p:spPr>
            <a:xfrm>
              <a:off x="69026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4" name="Freeform: Shape 133">
              <a:extLst>
                <a:ext uri="{FF2B5EF4-FFF2-40B4-BE49-F238E27FC236}">
                  <a16:creationId xmlns:a16="http://schemas.microsoft.com/office/drawing/2014/main" id="{6F8957C0-9CF9-4677-9BC6-1AFEC10BA967}"/>
                </a:ext>
              </a:extLst>
            </p:cNvPr>
            <p:cNvSpPr/>
            <p:nvPr/>
          </p:nvSpPr>
          <p:spPr>
            <a:xfrm>
              <a:off x="69026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5" name="Freeform: Shape 134">
              <a:extLst>
                <a:ext uri="{FF2B5EF4-FFF2-40B4-BE49-F238E27FC236}">
                  <a16:creationId xmlns:a16="http://schemas.microsoft.com/office/drawing/2014/main" id="{D77CCD97-54D5-4CFA-BECA-3B94E3D6C580}"/>
                </a:ext>
              </a:extLst>
            </p:cNvPr>
            <p:cNvSpPr/>
            <p:nvPr/>
          </p:nvSpPr>
          <p:spPr>
            <a:xfrm>
              <a:off x="69026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6" name="Freeform: Shape 135">
              <a:extLst>
                <a:ext uri="{FF2B5EF4-FFF2-40B4-BE49-F238E27FC236}">
                  <a16:creationId xmlns:a16="http://schemas.microsoft.com/office/drawing/2014/main" id="{69892961-F7DA-4A8E-88EC-75EF2D8742DE}"/>
                </a:ext>
              </a:extLst>
            </p:cNvPr>
            <p:cNvSpPr/>
            <p:nvPr/>
          </p:nvSpPr>
          <p:spPr>
            <a:xfrm>
              <a:off x="69026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9" name="Freeform: Shape 138">
              <a:extLst>
                <a:ext uri="{FF2B5EF4-FFF2-40B4-BE49-F238E27FC236}">
                  <a16:creationId xmlns:a16="http://schemas.microsoft.com/office/drawing/2014/main" id="{3DEAC609-9F20-4FB7-9E60-4CC3432DD910}"/>
                </a:ext>
              </a:extLst>
            </p:cNvPr>
            <p:cNvSpPr/>
            <p:nvPr/>
          </p:nvSpPr>
          <p:spPr>
            <a:xfrm>
              <a:off x="704523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1" name="Freeform: Shape 140">
              <a:extLst>
                <a:ext uri="{FF2B5EF4-FFF2-40B4-BE49-F238E27FC236}">
                  <a16:creationId xmlns:a16="http://schemas.microsoft.com/office/drawing/2014/main" id="{56DA692B-07C5-4BD3-A982-43A6D40AC57F}"/>
                </a:ext>
              </a:extLst>
            </p:cNvPr>
            <p:cNvSpPr/>
            <p:nvPr/>
          </p:nvSpPr>
          <p:spPr>
            <a:xfrm>
              <a:off x="704523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2" name="Freeform: Shape 141">
              <a:extLst>
                <a:ext uri="{FF2B5EF4-FFF2-40B4-BE49-F238E27FC236}">
                  <a16:creationId xmlns:a16="http://schemas.microsoft.com/office/drawing/2014/main" id="{03813CE0-38A3-4FA7-8ADC-144C641590EE}"/>
                </a:ext>
              </a:extLst>
            </p:cNvPr>
            <p:cNvSpPr/>
            <p:nvPr/>
          </p:nvSpPr>
          <p:spPr>
            <a:xfrm>
              <a:off x="704523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3" name="Freeform: Shape 142">
              <a:extLst>
                <a:ext uri="{FF2B5EF4-FFF2-40B4-BE49-F238E27FC236}">
                  <a16:creationId xmlns:a16="http://schemas.microsoft.com/office/drawing/2014/main" id="{60850E53-10F6-4DB0-9D09-DC3110F0BC88}"/>
                </a:ext>
              </a:extLst>
            </p:cNvPr>
            <p:cNvSpPr/>
            <p:nvPr/>
          </p:nvSpPr>
          <p:spPr>
            <a:xfrm>
              <a:off x="704523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6" name="Freeform: Shape 145">
              <a:extLst>
                <a:ext uri="{FF2B5EF4-FFF2-40B4-BE49-F238E27FC236}">
                  <a16:creationId xmlns:a16="http://schemas.microsoft.com/office/drawing/2014/main" id="{60448AE2-1B27-42E4-A721-E7CF5DFA4A02}"/>
                </a:ext>
              </a:extLst>
            </p:cNvPr>
            <p:cNvSpPr/>
            <p:nvPr/>
          </p:nvSpPr>
          <p:spPr>
            <a:xfrm>
              <a:off x="718791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8" name="Freeform: Shape 147">
              <a:extLst>
                <a:ext uri="{FF2B5EF4-FFF2-40B4-BE49-F238E27FC236}">
                  <a16:creationId xmlns:a16="http://schemas.microsoft.com/office/drawing/2014/main" id="{AD260E54-03AF-43F7-8654-17E91FFB690A}"/>
                </a:ext>
              </a:extLst>
            </p:cNvPr>
            <p:cNvSpPr/>
            <p:nvPr/>
          </p:nvSpPr>
          <p:spPr>
            <a:xfrm>
              <a:off x="718791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9" name="Freeform: Shape 148">
              <a:extLst>
                <a:ext uri="{FF2B5EF4-FFF2-40B4-BE49-F238E27FC236}">
                  <a16:creationId xmlns:a16="http://schemas.microsoft.com/office/drawing/2014/main" id="{224BDFD1-CF74-4891-8495-3C4EDB231B0F}"/>
                </a:ext>
              </a:extLst>
            </p:cNvPr>
            <p:cNvSpPr/>
            <p:nvPr/>
          </p:nvSpPr>
          <p:spPr>
            <a:xfrm>
              <a:off x="718791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0" name="Freeform: Shape 149">
              <a:extLst>
                <a:ext uri="{FF2B5EF4-FFF2-40B4-BE49-F238E27FC236}">
                  <a16:creationId xmlns:a16="http://schemas.microsoft.com/office/drawing/2014/main" id="{399F4E14-13C7-4ECB-9CD2-B17A39EC5E61}"/>
                </a:ext>
              </a:extLst>
            </p:cNvPr>
            <p:cNvSpPr/>
            <p:nvPr/>
          </p:nvSpPr>
          <p:spPr>
            <a:xfrm>
              <a:off x="718791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3" name="Freeform: Shape 152">
              <a:extLst>
                <a:ext uri="{FF2B5EF4-FFF2-40B4-BE49-F238E27FC236}">
                  <a16:creationId xmlns:a16="http://schemas.microsoft.com/office/drawing/2014/main" id="{564D470B-0D02-4450-93F5-7F3718242359}"/>
                </a:ext>
              </a:extLst>
            </p:cNvPr>
            <p:cNvSpPr/>
            <p:nvPr/>
          </p:nvSpPr>
          <p:spPr>
            <a:xfrm>
              <a:off x="733051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5" name="Freeform: Shape 154">
              <a:extLst>
                <a:ext uri="{FF2B5EF4-FFF2-40B4-BE49-F238E27FC236}">
                  <a16:creationId xmlns:a16="http://schemas.microsoft.com/office/drawing/2014/main" id="{E54C9EA1-4629-4440-9337-62BA6FAEA35F}"/>
                </a:ext>
              </a:extLst>
            </p:cNvPr>
            <p:cNvSpPr/>
            <p:nvPr/>
          </p:nvSpPr>
          <p:spPr>
            <a:xfrm>
              <a:off x="733051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6" name="Freeform: Shape 155">
              <a:extLst>
                <a:ext uri="{FF2B5EF4-FFF2-40B4-BE49-F238E27FC236}">
                  <a16:creationId xmlns:a16="http://schemas.microsoft.com/office/drawing/2014/main" id="{5B3C4547-C7C2-445D-8D05-DFB6B8E731B2}"/>
                </a:ext>
              </a:extLst>
            </p:cNvPr>
            <p:cNvSpPr/>
            <p:nvPr/>
          </p:nvSpPr>
          <p:spPr>
            <a:xfrm>
              <a:off x="733051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7" name="Freeform: Shape 156">
              <a:extLst>
                <a:ext uri="{FF2B5EF4-FFF2-40B4-BE49-F238E27FC236}">
                  <a16:creationId xmlns:a16="http://schemas.microsoft.com/office/drawing/2014/main" id="{2B2048C7-EEC1-4836-A1EE-36AADE0D5E92}"/>
                </a:ext>
              </a:extLst>
            </p:cNvPr>
            <p:cNvSpPr/>
            <p:nvPr/>
          </p:nvSpPr>
          <p:spPr>
            <a:xfrm>
              <a:off x="733051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9" name="Freeform: Shape 158">
              <a:extLst>
                <a:ext uri="{FF2B5EF4-FFF2-40B4-BE49-F238E27FC236}">
                  <a16:creationId xmlns:a16="http://schemas.microsoft.com/office/drawing/2014/main" id="{B4CCC221-E405-4F66-84C7-6766087A8945}"/>
                </a:ext>
              </a:extLst>
            </p:cNvPr>
            <p:cNvSpPr/>
            <p:nvPr/>
          </p:nvSpPr>
          <p:spPr>
            <a:xfrm>
              <a:off x="747318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0" name="Freeform: Shape 159">
              <a:extLst>
                <a:ext uri="{FF2B5EF4-FFF2-40B4-BE49-F238E27FC236}">
                  <a16:creationId xmlns:a16="http://schemas.microsoft.com/office/drawing/2014/main" id="{5E085AFA-C42C-42DE-A97C-DB7EE6280930}"/>
                </a:ext>
              </a:extLst>
            </p:cNvPr>
            <p:cNvSpPr/>
            <p:nvPr/>
          </p:nvSpPr>
          <p:spPr>
            <a:xfrm>
              <a:off x="747318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1" name="Freeform: Shape 160">
              <a:extLst>
                <a:ext uri="{FF2B5EF4-FFF2-40B4-BE49-F238E27FC236}">
                  <a16:creationId xmlns:a16="http://schemas.microsoft.com/office/drawing/2014/main" id="{DFEDEE10-2293-47A4-ACD1-5A55775E22A7}"/>
                </a:ext>
              </a:extLst>
            </p:cNvPr>
            <p:cNvSpPr/>
            <p:nvPr/>
          </p:nvSpPr>
          <p:spPr>
            <a:xfrm>
              <a:off x="747318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3" name="Freeform: Shape 162">
              <a:extLst>
                <a:ext uri="{FF2B5EF4-FFF2-40B4-BE49-F238E27FC236}">
                  <a16:creationId xmlns:a16="http://schemas.microsoft.com/office/drawing/2014/main" id="{281A9412-7308-4554-806A-8516049ED4D0}"/>
                </a:ext>
              </a:extLst>
            </p:cNvPr>
            <p:cNvSpPr/>
            <p:nvPr/>
          </p:nvSpPr>
          <p:spPr>
            <a:xfrm>
              <a:off x="747318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5" name="Freeform: Shape 164">
              <a:extLst>
                <a:ext uri="{FF2B5EF4-FFF2-40B4-BE49-F238E27FC236}">
                  <a16:creationId xmlns:a16="http://schemas.microsoft.com/office/drawing/2014/main" id="{2A46649D-F7DD-4A80-8486-09666B1825E0}"/>
                </a:ext>
              </a:extLst>
            </p:cNvPr>
            <p:cNvSpPr/>
            <p:nvPr/>
          </p:nvSpPr>
          <p:spPr>
            <a:xfrm>
              <a:off x="519092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6" name="Freeform: Shape 165">
              <a:extLst>
                <a:ext uri="{FF2B5EF4-FFF2-40B4-BE49-F238E27FC236}">
                  <a16:creationId xmlns:a16="http://schemas.microsoft.com/office/drawing/2014/main" id="{B74D90BE-A637-4D89-9E81-5B0795B0F988}"/>
                </a:ext>
              </a:extLst>
            </p:cNvPr>
            <p:cNvSpPr/>
            <p:nvPr/>
          </p:nvSpPr>
          <p:spPr>
            <a:xfrm>
              <a:off x="775846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7" name="Freeform: Shape 166">
              <a:extLst>
                <a:ext uri="{FF2B5EF4-FFF2-40B4-BE49-F238E27FC236}">
                  <a16:creationId xmlns:a16="http://schemas.microsoft.com/office/drawing/2014/main" id="{EC27017A-3D86-4720-9A53-BC540AD930E7}"/>
                </a:ext>
              </a:extLst>
            </p:cNvPr>
            <p:cNvSpPr/>
            <p:nvPr/>
          </p:nvSpPr>
          <p:spPr>
            <a:xfrm>
              <a:off x="519092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8" name="Freeform: Shape 167">
              <a:extLst>
                <a:ext uri="{FF2B5EF4-FFF2-40B4-BE49-F238E27FC236}">
                  <a16:creationId xmlns:a16="http://schemas.microsoft.com/office/drawing/2014/main" id="{B6D90DC9-8E6F-4DD4-8D61-36AD37DAFE8E}"/>
                </a:ext>
              </a:extLst>
            </p:cNvPr>
            <p:cNvSpPr/>
            <p:nvPr/>
          </p:nvSpPr>
          <p:spPr>
            <a:xfrm>
              <a:off x="519092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9" name="Freeform: Shape 168">
              <a:extLst>
                <a:ext uri="{FF2B5EF4-FFF2-40B4-BE49-F238E27FC236}">
                  <a16:creationId xmlns:a16="http://schemas.microsoft.com/office/drawing/2014/main" id="{2AC80D00-5483-4C82-91AB-ECDFE7C7303E}"/>
                </a:ext>
              </a:extLst>
            </p:cNvPr>
            <p:cNvSpPr/>
            <p:nvPr/>
          </p:nvSpPr>
          <p:spPr>
            <a:xfrm>
              <a:off x="519092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0" name="Freeform: Shape 169">
              <a:extLst>
                <a:ext uri="{FF2B5EF4-FFF2-40B4-BE49-F238E27FC236}">
                  <a16:creationId xmlns:a16="http://schemas.microsoft.com/office/drawing/2014/main" id="{2E26EE2E-0611-4DBB-818A-3916D387BF07}"/>
                </a:ext>
              </a:extLst>
            </p:cNvPr>
            <p:cNvSpPr/>
            <p:nvPr/>
          </p:nvSpPr>
          <p:spPr>
            <a:xfrm>
              <a:off x="775846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1" name="Freeform: Shape 170">
              <a:extLst>
                <a:ext uri="{FF2B5EF4-FFF2-40B4-BE49-F238E27FC236}">
                  <a16:creationId xmlns:a16="http://schemas.microsoft.com/office/drawing/2014/main" id="{386B813A-D417-4A75-8E18-62FBDA47F967}"/>
                </a:ext>
              </a:extLst>
            </p:cNvPr>
            <p:cNvSpPr/>
            <p:nvPr/>
          </p:nvSpPr>
          <p:spPr>
            <a:xfrm>
              <a:off x="775846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2" name="Freeform: Shape 171">
              <a:extLst>
                <a:ext uri="{FF2B5EF4-FFF2-40B4-BE49-F238E27FC236}">
                  <a16:creationId xmlns:a16="http://schemas.microsoft.com/office/drawing/2014/main" id="{FB84132A-EAFE-4177-BB63-802E0207C2DE}"/>
                </a:ext>
              </a:extLst>
            </p:cNvPr>
            <p:cNvSpPr/>
            <p:nvPr/>
          </p:nvSpPr>
          <p:spPr>
            <a:xfrm>
              <a:off x="775846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3" name="Freeform: Shape 172">
              <a:extLst>
                <a:ext uri="{FF2B5EF4-FFF2-40B4-BE49-F238E27FC236}">
                  <a16:creationId xmlns:a16="http://schemas.microsoft.com/office/drawing/2014/main" id="{79B375A7-BA32-48E1-9F63-D9980AAC6BAB}"/>
                </a:ext>
              </a:extLst>
            </p:cNvPr>
            <p:cNvSpPr/>
            <p:nvPr/>
          </p:nvSpPr>
          <p:spPr>
            <a:xfrm>
              <a:off x="847168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6" name="Freeform: Shape 175">
              <a:extLst>
                <a:ext uri="{FF2B5EF4-FFF2-40B4-BE49-F238E27FC236}">
                  <a16:creationId xmlns:a16="http://schemas.microsoft.com/office/drawing/2014/main" id="{8DDAA581-5F2B-44B0-9C48-B49D93D35330}"/>
                </a:ext>
              </a:extLst>
            </p:cNvPr>
            <p:cNvSpPr/>
            <p:nvPr/>
          </p:nvSpPr>
          <p:spPr>
            <a:xfrm>
              <a:off x="91268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7" name="Freeform: Shape 176">
              <a:extLst>
                <a:ext uri="{FF2B5EF4-FFF2-40B4-BE49-F238E27FC236}">
                  <a16:creationId xmlns:a16="http://schemas.microsoft.com/office/drawing/2014/main" id="{41D85240-4229-42B5-A320-06AA6EAEFC3C}"/>
                </a:ext>
              </a:extLst>
            </p:cNvPr>
            <p:cNvSpPr/>
            <p:nvPr/>
          </p:nvSpPr>
          <p:spPr>
            <a:xfrm>
              <a:off x="348022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8" name="Freeform: Shape 177">
              <a:extLst>
                <a:ext uri="{FF2B5EF4-FFF2-40B4-BE49-F238E27FC236}">
                  <a16:creationId xmlns:a16="http://schemas.microsoft.com/office/drawing/2014/main" id="{8ABCEE14-083F-4545-AC2D-06AF377F1489}"/>
                </a:ext>
              </a:extLst>
            </p:cNvPr>
            <p:cNvSpPr/>
            <p:nvPr/>
          </p:nvSpPr>
          <p:spPr>
            <a:xfrm>
              <a:off x="91268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9" name="Freeform: Shape 178">
              <a:extLst>
                <a:ext uri="{FF2B5EF4-FFF2-40B4-BE49-F238E27FC236}">
                  <a16:creationId xmlns:a16="http://schemas.microsoft.com/office/drawing/2014/main" id="{BEE17395-7B92-4084-8801-AC508607386F}"/>
                </a:ext>
              </a:extLst>
            </p:cNvPr>
            <p:cNvSpPr/>
            <p:nvPr/>
          </p:nvSpPr>
          <p:spPr>
            <a:xfrm>
              <a:off x="91268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0" name="Freeform: Shape 179">
              <a:extLst>
                <a:ext uri="{FF2B5EF4-FFF2-40B4-BE49-F238E27FC236}">
                  <a16:creationId xmlns:a16="http://schemas.microsoft.com/office/drawing/2014/main" id="{7AFC5A98-6D09-401E-B154-F653FD0B4834}"/>
                </a:ext>
              </a:extLst>
            </p:cNvPr>
            <p:cNvSpPr/>
            <p:nvPr/>
          </p:nvSpPr>
          <p:spPr>
            <a:xfrm>
              <a:off x="91268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1" name="Freeform: Shape 180">
              <a:extLst>
                <a:ext uri="{FF2B5EF4-FFF2-40B4-BE49-F238E27FC236}">
                  <a16:creationId xmlns:a16="http://schemas.microsoft.com/office/drawing/2014/main" id="{D9EB2C48-BBC9-4020-A304-6D16E6860CC2}"/>
                </a:ext>
              </a:extLst>
            </p:cNvPr>
            <p:cNvSpPr/>
            <p:nvPr/>
          </p:nvSpPr>
          <p:spPr>
            <a:xfrm>
              <a:off x="348022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2" name="Freeform: Shape 181">
              <a:extLst>
                <a:ext uri="{FF2B5EF4-FFF2-40B4-BE49-F238E27FC236}">
                  <a16:creationId xmlns:a16="http://schemas.microsoft.com/office/drawing/2014/main" id="{12D8DF70-D0D5-4EB9-BCD1-57A7AB76DE91}"/>
                </a:ext>
              </a:extLst>
            </p:cNvPr>
            <p:cNvSpPr/>
            <p:nvPr/>
          </p:nvSpPr>
          <p:spPr>
            <a:xfrm>
              <a:off x="348022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3" name="Freeform: Shape 182">
              <a:extLst>
                <a:ext uri="{FF2B5EF4-FFF2-40B4-BE49-F238E27FC236}">
                  <a16:creationId xmlns:a16="http://schemas.microsoft.com/office/drawing/2014/main" id="{A9A45E78-3606-4A82-8CF2-7E519D791CA5}"/>
                </a:ext>
              </a:extLst>
            </p:cNvPr>
            <p:cNvSpPr/>
            <p:nvPr/>
          </p:nvSpPr>
          <p:spPr>
            <a:xfrm>
              <a:off x="348022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4" name="Freeform: Shape 183">
              <a:extLst>
                <a:ext uri="{FF2B5EF4-FFF2-40B4-BE49-F238E27FC236}">
                  <a16:creationId xmlns:a16="http://schemas.microsoft.com/office/drawing/2014/main" id="{08E33485-B216-4580-A474-732A9B5B8B08}"/>
                </a:ext>
              </a:extLst>
            </p:cNvPr>
            <p:cNvSpPr/>
            <p:nvPr/>
          </p:nvSpPr>
          <p:spPr>
            <a:xfrm>
              <a:off x="119795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5" name="Freeform: Shape 184">
              <a:extLst>
                <a:ext uri="{FF2B5EF4-FFF2-40B4-BE49-F238E27FC236}">
                  <a16:creationId xmlns:a16="http://schemas.microsoft.com/office/drawing/2014/main" id="{E044FEF0-5FE2-472F-90BE-140703CC5A79}"/>
                </a:ext>
              </a:extLst>
            </p:cNvPr>
            <p:cNvSpPr/>
            <p:nvPr/>
          </p:nvSpPr>
          <p:spPr>
            <a:xfrm>
              <a:off x="37654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6" name="Freeform: Shape 185">
              <a:extLst>
                <a:ext uri="{FF2B5EF4-FFF2-40B4-BE49-F238E27FC236}">
                  <a16:creationId xmlns:a16="http://schemas.microsoft.com/office/drawing/2014/main" id="{CB530E1B-95F4-47E2-B456-1C5F993DD6E6}"/>
                </a:ext>
              </a:extLst>
            </p:cNvPr>
            <p:cNvSpPr/>
            <p:nvPr/>
          </p:nvSpPr>
          <p:spPr>
            <a:xfrm>
              <a:off x="119795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7" name="Freeform: Shape 186">
              <a:extLst>
                <a:ext uri="{FF2B5EF4-FFF2-40B4-BE49-F238E27FC236}">
                  <a16:creationId xmlns:a16="http://schemas.microsoft.com/office/drawing/2014/main" id="{332CEB12-25BC-4C0E-B020-F8286DDC86E7}"/>
                </a:ext>
              </a:extLst>
            </p:cNvPr>
            <p:cNvSpPr/>
            <p:nvPr/>
          </p:nvSpPr>
          <p:spPr>
            <a:xfrm>
              <a:off x="119795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8" name="Freeform: Shape 187">
              <a:extLst>
                <a:ext uri="{FF2B5EF4-FFF2-40B4-BE49-F238E27FC236}">
                  <a16:creationId xmlns:a16="http://schemas.microsoft.com/office/drawing/2014/main" id="{D100A337-2788-4468-A4CB-C48B02ECA26B}"/>
                </a:ext>
              </a:extLst>
            </p:cNvPr>
            <p:cNvSpPr/>
            <p:nvPr/>
          </p:nvSpPr>
          <p:spPr>
            <a:xfrm>
              <a:off x="119795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9" name="Freeform: Shape 188">
              <a:extLst>
                <a:ext uri="{FF2B5EF4-FFF2-40B4-BE49-F238E27FC236}">
                  <a16:creationId xmlns:a16="http://schemas.microsoft.com/office/drawing/2014/main" id="{5D359A40-ECB9-42D2-8347-1AE4759A1131}"/>
                </a:ext>
              </a:extLst>
            </p:cNvPr>
            <p:cNvSpPr/>
            <p:nvPr/>
          </p:nvSpPr>
          <p:spPr>
            <a:xfrm>
              <a:off x="37654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0" name="Freeform: Shape 189">
              <a:extLst>
                <a:ext uri="{FF2B5EF4-FFF2-40B4-BE49-F238E27FC236}">
                  <a16:creationId xmlns:a16="http://schemas.microsoft.com/office/drawing/2014/main" id="{C507620F-90A0-45AF-95DA-0AC2C4C36324}"/>
                </a:ext>
              </a:extLst>
            </p:cNvPr>
            <p:cNvSpPr/>
            <p:nvPr/>
          </p:nvSpPr>
          <p:spPr>
            <a:xfrm>
              <a:off x="37654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1" name="Freeform: Shape 190">
              <a:extLst>
                <a:ext uri="{FF2B5EF4-FFF2-40B4-BE49-F238E27FC236}">
                  <a16:creationId xmlns:a16="http://schemas.microsoft.com/office/drawing/2014/main" id="{E045B831-EBF6-4E86-B5A5-CDCED052A98A}"/>
                </a:ext>
              </a:extLst>
            </p:cNvPr>
            <p:cNvSpPr/>
            <p:nvPr/>
          </p:nvSpPr>
          <p:spPr>
            <a:xfrm>
              <a:off x="37654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2" name="Freeform: Shape 191">
              <a:extLst>
                <a:ext uri="{FF2B5EF4-FFF2-40B4-BE49-F238E27FC236}">
                  <a16:creationId xmlns:a16="http://schemas.microsoft.com/office/drawing/2014/main" id="{E1090618-E569-41C4-B7A6-90A295FDAE92}"/>
                </a:ext>
              </a:extLst>
            </p:cNvPr>
            <p:cNvSpPr/>
            <p:nvPr/>
          </p:nvSpPr>
          <p:spPr>
            <a:xfrm>
              <a:off x="134063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3" name="Freeform: Shape 192">
              <a:extLst>
                <a:ext uri="{FF2B5EF4-FFF2-40B4-BE49-F238E27FC236}">
                  <a16:creationId xmlns:a16="http://schemas.microsoft.com/office/drawing/2014/main" id="{0986E01C-F815-494A-9FD5-FFFE230152B2}"/>
                </a:ext>
              </a:extLst>
            </p:cNvPr>
            <p:cNvSpPr/>
            <p:nvPr/>
          </p:nvSpPr>
          <p:spPr>
            <a:xfrm>
              <a:off x="390816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4" name="Freeform: Shape 193">
              <a:extLst>
                <a:ext uri="{FF2B5EF4-FFF2-40B4-BE49-F238E27FC236}">
                  <a16:creationId xmlns:a16="http://schemas.microsoft.com/office/drawing/2014/main" id="{0F7779C9-78FB-41A0-BA97-CD149A951EBA}"/>
                </a:ext>
              </a:extLst>
            </p:cNvPr>
            <p:cNvSpPr/>
            <p:nvPr/>
          </p:nvSpPr>
          <p:spPr>
            <a:xfrm>
              <a:off x="134063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5" name="Freeform: Shape 194">
              <a:extLst>
                <a:ext uri="{FF2B5EF4-FFF2-40B4-BE49-F238E27FC236}">
                  <a16:creationId xmlns:a16="http://schemas.microsoft.com/office/drawing/2014/main" id="{5D525B1E-BB43-434F-8BAF-8FFFEE2002A9}"/>
                </a:ext>
              </a:extLst>
            </p:cNvPr>
            <p:cNvSpPr/>
            <p:nvPr/>
          </p:nvSpPr>
          <p:spPr>
            <a:xfrm>
              <a:off x="134063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6" name="Freeform: Shape 195">
              <a:extLst>
                <a:ext uri="{FF2B5EF4-FFF2-40B4-BE49-F238E27FC236}">
                  <a16:creationId xmlns:a16="http://schemas.microsoft.com/office/drawing/2014/main" id="{4C8D080C-B0EB-4D53-BCF5-5B59756B60E9}"/>
                </a:ext>
              </a:extLst>
            </p:cNvPr>
            <p:cNvSpPr/>
            <p:nvPr/>
          </p:nvSpPr>
          <p:spPr>
            <a:xfrm>
              <a:off x="134063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7" name="Freeform: Shape 196">
              <a:extLst>
                <a:ext uri="{FF2B5EF4-FFF2-40B4-BE49-F238E27FC236}">
                  <a16:creationId xmlns:a16="http://schemas.microsoft.com/office/drawing/2014/main" id="{3E8C703A-C963-4DE5-80D7-2480BE6D9DCF}"/>
                </a:ext>
              </a:extLst>
            </p:cNvPr>
            <p:cNvSpPr/>
            <p:nvPr/>
          </p:nvSpPr>
          <p:spPr>
            <a:xfrm>
              <a:off x="390816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8" name="Freeform: Shape 197">
              <a:extLst>
                <a:ext uri="{FF2B5EF4-FFF2-40B4-BE49-F238E27FC236}">
                  <a16:creationId xmlns:a16="http://schemas.microsoft.com/office/drawing/2014/main" id="{F85374E7-4BFC-497B-BAF3-5FB2C8FB976F}"/>
                </a:ext>
              </a:extLst>
            </p:cNvPr>
            <p:cNvSpPr/>
            <p:nvPr/>
          </p:nvSpPr>
          <p:spPr>
            <a:xfrm>
              <a:off x="390816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9" name="Freeform: Shape 198">
              <a:extLst>
                <a:ext uri="{FF2B5EF4-FFF2-40B4-BE49-F238E27FC236}">
                  <a16:creationId xmlns:a16="http://schemas.microsoft.com/office/drawing/2014/main" id="{85C7409A-DF96-4E83-96D4-E13B4CC62303}"/>
                </a:ext>
              </a:extLst>
            </p:cNvPr>
            <p:cNvSpPr/>
            <p:nvPr/>
          </p:nvSpPr>
          <p:spPr>
            <a:xfrm>
              <a:off x="390816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0" name="Freeform: Shape 199">
              <a:extLst>
                <a:ext uri="{FF2B5EF4-FFF2-40B4-BE49-F238E27FC236}">
                  <a16:creationId xmlns:a16="http://schemas.microsoft.com/office/drawing/2014/main" id="{D94855D2-7980-4F80-BF67-4AF5955B326A}"/>
                </a:ext>
              </a:extLst>
            </p:cNvPr>
            <p:cNvSpPr/>
            <p:nvPr/>
          </p:nvSpPr>
          <p:spPr>
            <a:xfrm>
              <a:off x="148323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1" name="Freeform: Shape 200">
              <a:extLst>
                <a:ext uri="{FF2B5EF4-FFF2-40B4-BE49-F238E27FC236}">
                  <a16:creationId xmlns:a16="http://schemas.microsoft.com/office/drawing/2014/main" id="{77EB28C9-61A9-4F5F-97D0-50814C7FB5A8}"/>
                </a:ext>
              </a:extLst>
            </p:cNvPr>
            <p:cNvSpPr/>
            <p:nvPr/>
          </p:nvSpPr>
          <p:spPr>
            <a:xfrm>
              <a:off x="405084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2" name="Freeform: Shape 201">
              <a:extLst>
                <a:ext uri="{FF2B5EF4-FFF2-40B4-BE49-F238E27FC236}">
                  <a16:creationId xmlns:a16="http://schemas.microsoft.com/office/drawing/2014/main" id="{C19F90A1-2FB3-47BE-92AB-341E2039B275}"/>
                </a:ext>
              </a:extLst>
            </p:cNvPr>
            <p:cNvSpPr/>
            <p:nvPr/>
          </p:nvSpPr>
          <p:spPr>
            <a:xfrm>
              <a:off x="148323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3" name="Freeform: Shape 202">
              <a:extLst>
                <a:ext uri="{FF2B5EF4-FFF2-40B4-BE49-F238E27FC236}">
                  <a16:creationId xmlns:a16="http://schemas.microsoft.com/office/drawing/2014/main" id="{C2F318FE-DA25-41E2-B1A6-098519F1F4B4}"/>
                </a:ext>
              </a:extLst>
            </p:cNvPr>
            <p:cNvSpPr/>
            <p:nvPr/>
          </p:nvSpPr>
          <p:spPr>
            <a:xfrm>
              <a:off x="148323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4" name="Freeform: Shape 203">
              <a:extLst>
                <a:ext uri="{FF2B5EF4-FFF2-40B4-BE49-F238E27FC236}">
                  <a16:creationId xmlns:a16="http://schemas.microsoft.com/office/drawing/2014/main" id="{FF2B064C-CF42-410D-B7CB-DA53F18B9B4D}"/>
                </a:ext>
              </a:extLst>
            </p:cNvPr>
            <p:cNvSpPr/>
            <p:nvPr/>
          </p:nvSpPr>
          <p:spPr>
            <a:xfrm>
              <a:off x="148323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5" name="Freeform: Shape 204">
              <a:extLst>
                <a:ext uri="{FF2B5EF4-FFF2-40B4-BE49-F238E27FC236}">
                  <a16:creationId xmlns:a16="http://schemas.microsoft.com/office/drawing/2014/main" id="{AF37A684-4EC0-4ACE-B7FC-586CB74578E0}"/>
                </a:ext>
              </a:extLst>
            </p:cNvPr>
            <p:cNvSpPr/>
            <p:nvPr/>
          </p:nvSpPr>
          <p:spPr>
            <a:xfrm>
              <a:off x="405084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6" name="Freeform: Shape 205">
              <a:extLst>
                <a:ext uri="{FF2B5EF4-FFF2-40B4-BE49-F238E27FC236}">
                  <a16:creationId xmlns:a16="http://schemas.microsoft.com/office/drawing/2014/main" id="{BB6F0CA8-474E-45E1-8174-38D396A0E007}"/>
                </a:ext>
              </a:extLst>
            </p:cNvPr>
            <p:cNvSpPr/>
            <p:nvPr/>
          </p:nvSpPr>
          <p:spPr>
            <a:xfrm>
              <a:off x="405084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7" name="Freeform: Shape 206">
              <a:extLst>
                <a:ext uri="{FF2B5EF4-FFF2-40B4-BE49-F238E27FC236}">
                  <a16:creationId xmlns:a16="http://schemas.microsoft.com/office/drawing/2014/main" id="{D5D510BC-CDA0-4672-A7BB-8D0FB1CCFCC0}"/>
                </a:ext>
              </a:extLst>
            </p:cNvPr>
            <p:cNvSpPr/>
            <p:nvPr/>
          </p:nvSpPr>
          <p:spPr>
            <a:xfrm>
              <a:off x="405084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8" name="Freeform: Shape 207">
              <a:extLst>
                <a:ext uri="{FF2B5EF4-FFF2-40B4-BE49-F238E27FC236}">
                  <a16:creationId xmlns:a16="http://schemas.microsoft.com/office/drawing/2014/main" id="{48B50B64-752F-4048-B2FF-4896DCDD7489}"/>
                </a:ext>
              </a:extLst>
            </p:cNvPr>
            <p:cNvSpPr/>
            <p:nvPr/>
          </p:nvSpPr>
          <p:spPr>
            <a:xfrm>
              <a:off x="162590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9" name="Freeform: Shape 208">
              <a:extLst>
                <a:ext uri="{FF2B5EF4-FFF2-40B4-BE49-F238E27FC236}">
                  <a16:creationId xmlns:a16="http://schemas.microsoft.com/office/drawing/2014/main" id="{FB1304C6-3833-4A73-B313-608D54120530}"/>
                </a:ext>
              </a:extLst>
            </p:cNvPr>
            <p:cNvSpPr/>
            <p:nvPr/>
          </p:nvSpPr>
          <p:spPr>
            <a:xfrm>
              <a:off x="419344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0" name="Freeform: Shape 209">
              <a:extLst>
                <a:ext uri="{FF2B5EF4-FFF2-40B4-BE49-F238E27FC236}">
                  <a16:creationId xmlns:a16="http://schemas.microsoft.com/office/drawing/2014/main" id="{76C13183-3FDF-4D16-85A1-DCE8B63450EA}"/>
                </a:ext>
              </a:extLst>
            </p:cNvPr>
            <p:cNvSpPr/>
            <p:nvPr/>
          </p:nvSpPr>
          <p:spPr>
            <a:xfrm>
              <a:off x="162590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1" name="Freeform: Shape 210">
              <a:extLst>
                <a:ext uri="{FF2B5EF4-FFF2-40B4-BE49-F238E27FC236}">
                  <a16:creationId xmlns:a16="http://schemas.microsoft.com/office/drawing/2014/main" id="{70028DCF-6DBD-40E9-B717-AD47CE8EB5A2}"/>
                </a:ext>
              </a:extLst>
            </p:cNvPr>
            <p:cNvSpPr/>
            <p:nvPr/>
          </p:nvSpPr>
          <p:spPr>
            <a:xfrm>
              <a:off x="162590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2" name="Freeform: Shape 211">
              <a:extLst>
                <a:ext uri="{FF2B5EF4-FFF2-40B4-BE49-F238E27FC236}">
                  <a16:creationId xmlns:a16="http://schemas.microsoft.com/office/drawing/2014/main" id="{E7B06EC1-8237-4871-B530-22FC5EBB2F14}"/>
                </a:ext>
              </a:extLst>
            </p:cNvPr>
            <p:cNvSpPr/>
            <p:nvPr/>
          </p:nvSpPr>
          <p:spPr>
            <a:xfrm>
              <a:off x="162590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3" name="Freeform: Shape 212">
              <a:extLst>
                <a:ext uri="{FF2B5EF4-FFF2-40B4-BE49-F238E27FC236}">
                  <a16:creationId xmlns:a16="http://schemas.microsoft.com/office/drawing/2014/main" id="{506D6A60-9F53-4A90-9DA5-B8B5EA9BC15F}"/>
                </a:ext>
              </a:extLst>
            </p:cNvPr>
            <p:cNvSpPr/>
            <p:nvPr/>
          </p:nvSpPr>
          <p:spPr>
            <a:xfrm>
              <a:off x="419344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4" name="Freeform: Shape 213">
              <a:extLst>
                <a:ext uri="{FF2B5EF4-FFF2-40B4-BE49-F238E27FC236}">
                  <a16:creationId xmlns:a16="http://schemas.microsoft.com/office/drawing/2014/main" id="{C63A4013-275C-4D0E-8DC0-B97DA90B2263}"/>
                </a:ext>
              </a:extLst>
            </p:cNvPr>
            <p:cNvSpPr/>
            <p:nvPr/>
          </p:nvSpPr>
          <p:spPr>
            <a:xfrm>
              <a:off x="419344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5" name="Freeform: Shape 214">
              <a:extLst>
                <a:ext uri="{FF2B5EF4-FFF2-40B4-BE49-F238E27FC236}">
                  <a16:creationId xmlns:a16="http://schemas.microsoft.com/office/drawing/2014/main" id="{FD4D115C-773C-418D-8AB2-FAD35ADA6CDE}"/>
                </a:ext>
              </a:extLst>
            </p:cNvPr>
            <p:cNvSpPr/>
            <p:nvPr/>
          </p:nvSpPr>
          <p:spPr>
            <a:xfrm>
              <a:off x="419344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6" name="Freeform: Shape 215">
              <a:extLst>
                <a:ext uri="{FF2B5EF4-FFF2-40B4-BE49-F238E27FC236}">
                  <a16:creationId xmlns:a16="http://schemas.microsoft.com/office/drawing/2014/main" id="{B00366CE-D6B7-4CC8-A2F1-2F3D518AB0B0}"/>
                </a:ext>
              </a:extLst>
            </p:cNvPr>
            <p:cNvSpPr/>
            <p:nvPr/>
          </p:nvSpPr>
          <p:spPr>
            <a:xfrm>
              <a:off x="176850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7" name="Freeform: Shape 216">
              <a:extLst>
                <a:ext uri="{FF2B5EF4-FFF2-40B4-BE49-F238E27FC236}">
                  <a16:creationId xmlns:a16="http://schemas.microsoft.com/office/drawing/2014/main" id="{A373578C-D879-4DAA-9A91-8B2C9D54B7F3}"/>
                </a:ext>
              </a:extLst>
            </p:cNvPr>
            <p:cNvSpPr/>
            <p:nvPr/>
          </p:nvSpPr>
          <p:spPr>
            <a:xfrm>
              <a:off x="433611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8" name="Freeform: Shape 217">
              <a:extLst>
                <a:ext uri="{FF2B5EF4-FFF2-40B4-BE49-F238E27FC236}">
                  <a16:creationId xmlns:a16="http://schemas.microsoft.com/office/drawing/2014/main" id="{396F2279-FD1B-4338-B160-D7599D0FCE1B}"/>
                </a:ext>
              </a:extLst>
            </p:cNvPr>
            <p:cNvSpPr/>
            <p:nvPr/>
          </p:nvSpPr>
          <p:spPr>
            <a:xfrm>
              <a:off x="176850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9" name="Freeform: Shape 218">
              <a:extLst>
                <a:ext uri="{FF2B5EF4-FFF2-40B4-BE49-F238E27FC236}">
                  <a16:creationId xmlns:a16="http://schemas.microsoft.com/office/drawing/2014/main" id="{31151DF7-BBDC-44D1-9BBD-243AD157DAAB}"/>
                </a:ext>
              </a:extLst>
            </p:cNvPr>
            <p:cNvSpPr/>
            <p:nvPr/>
          </p:nvSpPr>
          <p:spPr>
            <a:xfrm>
              <a:off x="176850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0" name="Freeform: Shape 219">
              <a:extLst>
                <a:ext uri="{FF2B5EF4-FFF2-40B4-BE49-F238E27FC236}">
                  <a16:creationId xmlns:a16="http://schemas.microsoft.com/office/drawing/2014/main" id="{F3D9C2BD-BDE7-4169-8B26-D7E77E63C3C9}"/>
                </a:ext>
              </a:extLst>
            </p:cNvPr>
            <p:cNvSpPr/>
            <p:nvPr/>
          </p:nvSpPr>
          <p:spPr>
            <a:xfrm>
              <a:off x="176850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1" name="Freeform: Shape 220">
              <a:extLst>
                <a:ext uri="{FF2B5EF4-FFF2-40B4-BE49-F238E27FC236}">
                  <a16:creationId xmlns:a16="http://schemas.microsoft.com/office/drawing/2014/main" id="{66422BC7-3128-427B-8C35-9D9684265CA7}"/>
                </a:ext>
              </a:extLst>
            </p:cNvPr>
            <p:cNvSpPr/>
            <p:nvPr/>
          </p:nvSpPr>
          <p:spPr>
            <a:xfrm>
              <a:off x="433611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2" name="Freeform: Shape 221">
              <a:extLst>
                <a:ext uri="{FF2B5EF4-FFF2-40B4-BE49-F238E27FC236}">
                  <a16:creationId xmlns:a16="http://schemas.microsoft.com/office/drawing/2014/main" id="{B5DE83A4-409C-4BF1-9ACF-AB2F77CC5EE2}"/>
                </a:ext>
              </a:extLst>
            </p:cNvPr>
            <p:cNvSpPr/>
            <p:nvPr/>
          </p:nvSpPr>
          <p:spPr>
            <a:xfrm>
              <a:off x="433611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3" name="Freeform: Shape 222">
              <a:extLst>
                <a:ext uri="{FF2B5EF4-FFF2-40B4-BE49-F238E27FC236}">
                  <a16:creationId xmlns:a16="http://schemas.microsoft.com/office/drawing/2014/main" id="{BC2BE6A5-83D6-4705-8A3C-CAB2AC930816}"/>
                </a:ext>
              </a:extLst>
            </p:cNvPr>
            <p:cNvSpPr/>
            <p:nvPr/>
          </p:nvSpPr>
          <p:spPr>
            <a:xfrm>
              <a:off x="191117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4" name="Freeform: Shape 223">
              <a:extLst>
                <a:ext uri="{FF2B5EF4-FFF2-40B4-BE49-F238E27FC236}">
                  <a16:creationId xmlns:a16="http://schemas.microsoft.com/office/drawing/2014/main" id="{9F6093C0-397C-4894-BCDF-6ADFE679C7F3}"/>
                </a:ext>
              </a:extLst>
            </p:cNvPr>
            <p:cNvSpPr/>
            <p:nvPr/>
          </p:nvSpPr>
          <p:spPr>
            <a:xfrm>
              <a:off x="447871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5" name="Freeform: Shape 224">
              <a:extLst>
                <a:ext uri="{FF2B5EF4-FFF2-40B4-BE49-F238E27FC236}">
                  <a16:creationId xmlns:a16="http://schemas.microsoft.com/office/drawing/2014/main" id="{B20BEBF9-4229-4798-B905-42B977C0BB32}"/>
                </a:ext>
              </a:extLst>
            </p:cNvPr>
            <p:cNvSpPr/>
            <p:nvPr/>
          </p:nvSpPr>
          <p:spPr>
            <a:xfrm>
              <a:off x="191117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6" name="Freeform: Shape 225">
              <a:extLst>
                <a:ext uri="{FF2B5EF4-FFF2-40B4-BE49-F238E27FC236}">
                  <a16:creationId xmlns:a16="http://schemas.microsoft.com/office/drawing/2014/main" id="{F124D6B5-7088-47E0-9593-CB762DA70EA3}"/>
                </a:ext>
              </a:extLst>
            </p:cNvPr>
            <p:cNvSpPr/>
            <p:nvPr/>
          </p:nvSpPr>
          <p:spPr>
            <a:xfrm>
              <a:off x="191117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7" name="Freeform: Shape 226">
              <a:extLst>
                <a:ext uri="{FF2B5EF4-FFF2-40B4-BE49-F238E27FC236}">
                  <a16:creationId xmlns:a16="http://schemas.microsoft.com/office/drawing/2014/main" id="{A9C0289D-0603-458F-B4DA-B00EC6DC386F}"/>
                </a:ext>
              </a:extLst>
            </p:cNvPr>
            <p:cNvSpPr/>
            <p:nvPr/>
          </p:nvSpPr>
          <p:spPr>
            <a:xfrm>
              <a:off x="191117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8" name="Freeform: Shape 227">
              <a:extLst>
                <a:ext uri="{FF2B5EF4-FFF2-40B4-BE49-F238E27FC236}">
                  <a16:creationId xmlns:a16="http://schemas.microsoft.com/office/drawing/2014/main" id="{A0604DAB-694D-4492-91AC-E6ED758EE2B6}"/>
                </a:ext>
              </a:extLst>
            </p:cNvPr>
            <p:cNvSpPr/>
            <p:nvPr/>
          </p:nvSpPr>
          <p:spPr>
            <a:xfrm>
              <a:off x="447871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9" name="Freeform: Shape 228">
              <a:extLst>
                <a:ext uri="{FF2B5EF4-FFF2-40B4-BE49-F238E27FC236}">
                  <a16:creationId xmlns:a16="http://schemas.microsoft.com/office/drawing/2014/main" id="{B16A077F-AAE5-43F4-AA14-063007C3ABE2}"/>
                </a:ext>
              </a:extLst>
            </p:cNvPr>
            <p:cNvSpPr/>
            <p:nvPr/>
          </p:nvSpPr>
          <p:spPr>
            <a:xfrm>
              <a:off x="447871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0" name="Freeform: Shape 229">
              <a:extLst>
                <a:ext uri="{FF2B5EF4-FFF2-40B4-BE49-F238E27FC236}">
                  <a16:creationId xmlns:a16="http://schemas.microsoft.com/office/drawing/2014/main" id="{F2FBF56D-8731-47C3-8315-003A9B487594}"/>
                </a:ext>
              </a:extLst>
            </p:cNvPr>
            <p:cNvSpPr/>
            <p:nvPr/>
          </p:nvSpPr>
          <p:spPr>
            <a:xfrm>
              <a:off x="447871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1" name="Freeform: Shape 230">
              <a:extLst>
                <a:ext uri="{FF2B5EF4-FFF2-40B4-BE49-F238E27FC236}">
                  <a16:creationId xmlns:a16="http://schemas.microsoft.com/office/drawing/2014/main" id="{2BE94DDC-2CE8-49C7-AE79-4D0E6806329B}"/>
                </a:ext>
              </a:extLst>
            </p:cNvPr>
            <p:cNvSpPr/>
            <p:nvPr/>
          </p:nvSpPr>
          <p:spPr>
            <a:xfrm>
              <a:off x="205385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2" name="Freeform: Shape 231">
              <a:extLst>
                <a:ext uri="{FF2B5EF4-FFF2-40B4-BE49-F238E27FC236}">
                  <a16:creationId xmlns:a16="http://schemas.microsoft.com/office/drawing/2014/main" id="{E3B2671E-995F-4B54-8308-845621B27616}"/>
                </a:ext>
              </a:extLst>
            </p:cNvPr>
            <p:cNvSpPr/>
            <p:nvPr/>
          </p:nvSpPr>
          <p:spPr>
            <a:xfrm>
              <a:off x="4621389"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3" name="Freeform: Shape 232">
              <a:extLst>
                <a:ext uri="{FF2B5EF4-FFF2-40B4-BE49-F238E27FC236}">
                  <a16:creationId xmlns:a16="http://schemas.microsoft.com/office/drawing/2014/main" id="{BBE7FA4D-BF05-4B7D-99EE-DA2DC30AEFE5}"/>
                </a:ext>
              </a:extLst>
            </p:cNvPr>
            <p:cNvSpPr/>
            <p:nvPr/>
          </p:nvSpPr>
          <p:spPr>
            <a:xfrm>
              <a:off x="205385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4" name="Freeform: Shape 233">
              <a:extLst>
                <a:ext uri="{FF2B5EF4-FFF2-40B4-BE49-F238E27FC236}">
                  <a16:creationId xmlns:a16="http://schemas.microsoft.com/office/drawing/2014/main" id="{C1FF0BD1-04FE-40C6-AF1F-3E7FB8347958}"/>
                </a:ext>
              </a:extLst>
            </p:cNvPr>
            <p:cNvSpPr/>
            <p:nvPr/>
          </p:nvSpPr>
          <p:spPr>
            <a:xfrm>
              <a:off x="205385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5" name="Freeform: Shape 234">
              <a:extLst>
                <a:ext uri="{FF2B5EF4-FFF2-40B4-BE49-F238E27FC236}">
                  <a16:creationId xmlns:a16="http://schemas.microsoft.com/office/drawing/2014/main" id="{C1B172B2-EA20-425F-B1F1-A48F06A8316A}"/>
                </a:ext>
              </a:extLst>
            </p:cNvPr>
            <p:cNvSpPr/>
            <p:nvPr/>
          </p:nvSpPr>
          <p:spPr>
            <a:xfrm>
              <a:off x="205385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6" name="Freeform: Shape 235">
              <a:extLst>
                <a:ext uri="{FF2B5EF4-FFF2-40B4-BE49-F238E27FC236}">
                  <a16:creationId xmlns:a16="http://schemas.microsoft.com/office/drawing/2014/main" id="{63E786EA-9A18-420F-A5EC-CE11BACC2A24}"/>
                </a:ext>
              </a:extLst>
            </p:cNvPr>
            <p:cNvSpPr/>
            <p:nvPr/>
          </p:nvSpPr>
          <p:spPr>
            <a:xfrm>
              <a:off x="4621389"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7" name="Freeform: Shape 236">
              <a:extLst>
                <a:ext uri="{FF2B5EF4-FFF2-40B4-BE49-F238E27FC236}">
                  <a16:creationId xmlns:a16="http://schemas.microsoft.com/office/drawing/2014/main" id="{C5AEADB0-C8CF-4D89-A8F7-8901FBFA387D}"/>
                </a:ext>
              </a:extLst>
            </p:cNvPr>
            <p:cNvSpPr/>
            <p:nvPr/>
          </p:nvSpPr>
          <p:spPr>
            <a:xfrm>
              <a:off x="4621389"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8" name="Freeform: Shape 237">
              <a:extLst>
                <a:ext uri="{FF2B5EF4-FFF2-40B4-BE49-F238E27FC236}">
                  <a16:creationId xmlns:a16="http://schemas.microsoft.com/office/drawing/2014/main" id="{8F8B91AB-7CA4-4BB1-A0A9-DC410278CBEE}"/>
                </a:ext>
              </a:extLst>
            </p:cNvPr>
            <p:cNvSpPr/>
            <p:nvPr/>
          </p:nvSpPr>
          <p:spPr>
            <a:xfrm>
              <a:off x="4621389"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9" name="Freeform: Shape 238">
              <a:extLst>
                <a:ext uri="{FF2B5EF4-FFF2-40B4-BE49-F238E27FC236}">
                  <a16:creationId xmlns:a16="http://schemas.microsoft.com/office/drawing/2014/main" id="{563242A6-6155-4DEC-9083-DA74ECFD3CFB}"/>
                </a:ext>
              </a:extLst>
            </p:cNvPr>
            <p:cNvSpPr/>
            <p:nvPr/>
          </p:nvSpPr>
          <p:spPr>
            <a:xfrm>
              <a:off x="219645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0" name="Freeform: Shape 239">
              <a:extLst>
                <a:ext uri="{FF2B5EF4-FFF2-40B4-BE49-F238E27FC236}">
                  <a16:creationId xmlns:a16="http://schemas.microsoft.com/office/drawing/2014/main" id="{D149601D-B476-44F1-B0BA-BC97CCEE7F72}"/>
                </a:ext>
              </a:extLst>
            </p:cNvPr>
            <p:cNvSpPr/>
            <p:nvPr/>
          </p:nvSpPr>
          <p:spPr>
            <a:xfrm>
              <a:off x="476406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1" name="Freeform: Shape 240">
              <a:extLst>
                <a:ext uri="{FF2B5EF4-FFF2-40B4-BE49-F238E27FC236}">
                  <a16:creationId xmlns:a16="http://schemas.microsoft.com/office/drawing/2014/main" id="{901C92FA-FCC6-44F7-8155-855987F3EB7B}"/>
                </a:ext>
              </a:extLst>
            </p:cNvPr>
            <p:cNvSpPr/>
            <p:nvPr/>
          </p:nvSpPr>
          <p:spPr>
            <a:xfrm>
              <a:off x="219645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2" name="Freeform: Shape 241">
              <a:extLst>
                <a:ext uri="{FF2B5EF4-FFF2-40B4-BE49-F238E27FC236}">
                  <a16:creationId xmlns:a16="http://schemas.microsoft.com/office/drawing/2014/main" id="{836CAB45-208E-4C31-B4C1-9485A97EF92F}"/>
                </a:ext>
              </a:extLst>
            </p:cNvPr>
            <p:cNvSpPr/>
            <p:nvPr/>
          </p:nvSpPr>
          <p:spPr>
            <a:xfrm>
              <a:off x="219645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3" name="Freeform: Shape 242">
              <a:extLst>
                <a:ext uri="{FF2B5EF4-FFF2-40B4-BE49-F238E27FC236}">
                  <a16:creationId xmlns:a16="http://schemas.microsoft.com/office/drawing/2014/main" id="{6B0F97A8-3E5B-4A17-8A6E-531C6893A453}"/>
                </a:ext>
              </a:extLst>
            </p:cNvPr>
            <p:cNvSpPr/>
            <p:nvPr/>
          </p:nvSpPr>
          <p:spPr>
            <a:xfrm>
              <a:off x="219645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4" name="Freeform: Shape 243">
              <a:extLst>
                <a:ext uri="{FF2B5EF4-FFF2-40B4-BE49-F238E27FC236}">
                  <a16:creationId xmlns:a16="http://schemas.microsoft.com/office/drawing/2014/main" id="{137E6758-7FF9-4CFA-8F31-997F5E269161}"/>
                </a:ext>
              </a:extLst>
            </p:cNvPr>
            <p:cNvSpPr/>
            <p:nvPr/>
          </p:nvSpPr>
          <p:spPr>
            <a:xfrm>
              <a:off x="476406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5" name="Freeform: Shape 244">
              <a:extLst>
                <a:ext uri="{FF2B5EF4-FFF2-40B4-BE49-F238E27FC236}">
                  <a16:creationId xmlns:a16="http://schemas.microsoft.com/office/drawing/2014/main" id="{CDFE0C78-EE08-4000-A1AE-CB6120D51AB4}"/>
                </a:ext>
              </a:extLst>
            </p:cNvPr>
            <p:cNvSpPr/>
            <p:nvPr/>
          </p:nvSpPr>
          <p:spPr>
            <a:xfrm>
              <a:off x="476406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6" name="Freeform: Shape 245">
              <a:extLst>
                <a:ext uri="{FF2B5EF4-FFF2-40B4-BE49-F238E27FC236}">
                  <a16:creationId xmlns:a16="http://schemas.microsoft.com/office/drawing/2014/main" id="{6C4BA017-8387-4EE1-9605-0E91B7CBB5EB}"/>
                </a:ext>
              </a:extLst>
            </p:cNvPr>
            <p:cNvSpPr/>
            <p:nvPr/>
          </p:nvSpPr>
          <p:spPr>
            <a:xfrm>
              <a:off x="476406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7" name="Freeform: Shape 246">
              <a:extLst>
                <a:ext uri="{FF2B5EF4-FFF2-40B4-BE49-F238E27FC236}">
                  <a16:creationId xmlns:a16="http://schemas.microsoft.com/office/drawing/2014/main" id="{4F5A48D8-C5C7-4D09-A6DD-E5FA0B3D4FEC}"/>
                </a:ext>
              </a:extLst>
            </p:cNvPr>
            <p:cNvSpPr/>
            <p:nvPr/>
          </p:nvSpPr>
          <p:spPr>
            <a:xfrm>
              <a:off x="233912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8" name="Freeform: Shape 247">
              <a:extLst>
                <a:ext uri="{FF2B5EF4-FFF2-40B4-BE49-F238E27FC236}">
                  <a16:creationId xmlns:a16="http://schemas.microsoft.com/office/drawing/2014/main" id="{0FA3B7B4-9AB0-4418-ABDF-00851EE9F228}"/>
                </a:ext>
              </a:extLst>
            </p:cNvPr>
            <p:cNvSpPr/>
            <p:nvPr/>
          </p:nvSpPr>
          <p:spPr>
            <a:xfrm>
              <a:off x="490666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9" name="Freeform: Shape 248">
              <a:extLst>
                <a:ext uri="{FF2B5EF4-FFF2-40B4-BE49-F238E27FC236}">
                  <a16:creationId xmlns:a16="http://schemas.microsoft.com/office/drawing/2014/main" id="{E7A0D928-8FE2-425C-ADBC-D4D07361EC1E}"/>
                </a:ext>
              </a:extLst>
            </p:cNvPr>
            <p:cNvSpPr/>
            <p:nvPr/>
          </p:nvSpPr>
          <p:spPr>
            <a:xfrm>
              <a:off x="233912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0" name="Freeform: Shape 249">
              <a:extLst>
                <a:ext uri="{FF2B5EF4-FFF2-40B4-BE49-F238E27FC236}">
                  <a16:creationId xmlns:a16="http://schemas.microsoft.com/office/drawing/2014/main" id="{4C4250B4-CD4D-4F29-A18F-118B23AD1D79}"/>
                </a:ext>
              </a:extLst>
            </p:cNvPr>
            <p:cNvSpPr/>
            <p:nvPr/>
          </p:nvSpPr>
          <p:spPr>
            <a:xfrm>
              <a:off x="233912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1" name="Freeform: Shape 250">
              <a:extLst>
                <a:ext uri="{FF2B5EF4-FFF2-40B4-BE49-F238E27FC236}">
                  <a16:creationId xmlns:a16="http://schemas.microsoft.com/office/drawing/2014/main" id="{29ECE4F5-E97F-417A-98FC-322C918420A1}"/>
                </a:ext>
              </a:extLst>
            </p:cNvPr>
            <p:cNvSpPr/>
            <p:nvPr/>
          </p:nvSpPr>
          <p:spPr>
            <a:xfrm>
              <a:off x="233912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2" name="Freeform: Shape 251">
              <a:extLst>
                <a:ext uri="{FF2B5EF4-FFF2-40B4-BE49-F238E27FC236}">
                  <a16:creationId xmlns:a16="http://schemas.microsoft.com/office/drawing/2014/main" id="{352285FB-1125-4133-A6E1-17350E35B2C0}"/>
                </a:ext>
              </a:extLst>
            </p:cNvPr>
            <p:cNvSpPr/>
            <p:nvPr/>
          </p:nvSpPr>
          <p:spPr>
            <a:xfrm>
              <a:off x="490666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3" name="Freeform: Shape 252">
              <a:extLst>
                <a:ext uri="{FF2B5EF4-FFF2-40B4-BE49-F238E27FC236}">
                  <a16:creationId xmlns:a16="http://schemas.microsoft.com/office/drawing/2014/main" id="{6D93EC60-6966-411C-AC22-3E6F24BCBA1E}"/>
                </a:ext>
              </a:extLst>
            </p:cNvPr>
            <p:cNvSpPr/>
            <p:nvPr/>
          </p:nvSpPr>
          <p:spPr>
            <a:xfrm>
              <a:off x="490666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4" name="Freeform: Shape 253">
              <a:extLst>
                <a:ext uri="{FF2B5EF4-FFF2-40B4-BE49-F238E27FC236}">
                  <a16:creationId xmlns:a16="http://schemas.microsoft.com/office/drawing/2014/main" id="{BB149CAC-A10A-49BC-BFEB-51A199BE5188}"/>
                </a:ext>
              </a:extLst>
            </p:cNvPr>
            <p:cNvSpPr/>
            <p:nvPr/>
          </p:nvSpPr>
          <p:spPr>
            <a:xfrm>
              <a:off x="490666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5" name="Freeform: Shape 254">
              <a:extLst>
                <a:ext uri="{FF2B5EF4-FFF2-40B4-BE49-F238E27FC236}">
                  <a16:creationId xmlns:a16="http://schemas.microsoft.com/office/drawing/2014/main" id="{FA825405-E475-46C0-BA54-B8D94BD30162}"/>
                </a:ext>
              </a:extLst>
            </p:cNvPr>
            <p:cNvSpPr/>
            <p:nvPr/>
          </p:nvSpPr>
          <p:spPr>
            <a:xfrm>
              <a:off x="24817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6" name="Freeform: Shape 255">
              <a:extLst>
                <a:ext uri="{FF2B5EF4-FFF2-40B4-BE49-F238E27FC236}">
                  <a16:creationId xmlns:a16="http://schemas.microsoft.com/office/drawing/2014/main" id="{69142E7D-5664-4811-8AD6-778EEAD03EE1}"/>
                </a:ext>
              </a:extLst>
            </p:cNvPr>
            <p:cNvSpPr/>
            <p:nvPr/>
          </p:nvSpPr>
          <p:spPr>
            <a:xfrm>
              <a:off x="24817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7" name="Freeform: Shape 256">
              <a:extLst>
                <a:ext uri="{FF2B5EF4-FFF2-40B4-BE49-F238E27FC236}">
                  <a16:creationId xmlns:a16="http://schemas.microsoft.com/office/drawing/2014/main" id="{37672409-4202-45DF-A430-54E171B69841}"/>
                </a:ext>
              </a:extLst>
            </p:cNvPr>
            <p:cNvSpPr/>
            <p:nvPr/>
          </p:nvSpPr>
          <p:spPr>
            <a:xfrm>
              <a:off x="24817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8" name="Freeform: Shape 257">
              <a:extLst>
                <a:ext uri="{FF2B5EF4-FFF2-40B4-BE49-F238E27FC236}">
                  <a16:creationId xmlns:a16="http://schemas.microsoft.com/office/drawing/2014/main" id="{7BA52E99-D265-4B78-821C-91B5EF94A004}"/>
                </a:ext>
              </a:extLst>
            </p:cNvPr>
            <p:cNvSpPr/>
            <p:nvPr/>
          </p:nvSpPr>
          <p:spPr>
            <a:xfrm>
              <a:off x="24817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9" name="Freeform: Shape 258">
              <a:extLst>
                <a:ext uri="{FF2B5EF4-FFF2-40B4-BE49-F238E27FC236}">
                  <a16:creationId xmlns:a16="http://schemas.microsoft.com/office/drawing/2014/main" id="{61C66DC2-D30E-4756-8C4E-A116C561C399}"/>
                </a:ext>
              </a:extLst>
            </p:cNvPr>
            <p:cNvSpPr/>
            <p:nvPr/>
          </p:nvSpPr>
          <p:spPr>
            <a:xfrm>
              <a:off x="262439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0" name="Freeform: Shape 259">
              <a:extLst>
                <a:ext uri="{FF2B5EF4-FFF2-40B4-BE49-F238E27FC236}">
                  <a16:creationId xmlns:a16="http://schemas.microsoft.com/office/drawing/2014/main" id="{67B1DCDA-C2F2-4450-A659-020FD287249B}"/>
                </a:ext>
              </a:extLst>
            </p:cNvPr>
            <p:cNvSpPr/>
            <p:nvPr/>
          </p:nvSpPr>
          <p:spPr>
            <a:xfrm>
              <a:off x="262439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1" name="Freeform: Shape 260">
              <a:extLst>
                <a:ext uri="{FF2B5EF4-FFF2-40B4-BE49-F238E27FC236}">
                  <a16:creationId xmlns:a16="http://schemas.microsoft.com/office/drawing/2014/main" id="{08C78037-A6AF-4564-930B-F7DFC42D78A1}"/>
                </a:ext>
              </a:extLst>
            </p:cNvPr>
            <p:cNvSpPr/>
            <p:nvPr/>
          </p:nvSpPr>
          <p:spPr>
            <a:xfrm>
              <a:off x="262439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2" name="Freeform: Shape 261">
              <a:extLst>
                <a:ext uri="{FF2B5EF4-FFF2-40B4-BE49-F238E27FC236}">
                  <a16:creationId xmlns:a16="http://schemas.microsoft.com/office/drawing/2014/main" id="{F64BCA66-336A-448A-9CBD-2873C6B4A184}"/>
                </a:ext>
              </a:extLst>
            </p:cNvPr>
            <p:cNvSpPr/>
            <p:nvPr/>
          </p:nvSpPr>
          <p:spPr>
            <a:xfrm>
              <a:off x="262439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3" name="Freeform: Shape 262">
              <a:extLst>
                <a:ext uri="{FF2B5EF4-FFF2-40B4-BE49-F238E27FC236}">
                  <a16:creationId xmlns:a16="http://schemas.microsoft.com/office/drawing/2014/main" id="{FF1ADF70-1B20-491A-9A49-369147036E8E}"/>
                </a:ext>
              </a:extLst>
            </p:cNvPr>
            <p:cNvSpPr/>
            <p:nvPr/>
          </p:nvSpPr>
          <p:spPr>
            <a:xfrm>
              <a:off x="2767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4" name="Freeform: Shape 263">
              <a:extLst>
                <a:ext uri="{FF2B5EF4-FFF2-40B4-BE49-F238E27FC236}">
                  <a16:creationId xmlns:a16="http://schemas.microsoft.com/office/drawing/2014/main" id="{EDED8DA9-EEBE-4E3D-BF13-EF7922BCE6BB}"/>
                </a:ext>
              </a:extLst>
            </p:cNvPr>
            <p:cNvSpPr/>
            <p:nvPr/>
          </p:nvSpPr>
          <p:spPr>
            <a:xfrm>
              <a:off x="2767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5" name="Freeform: Shape 264">
              <a:extLst>
                <a:ext uri="{FF2B5EF4-FFF2-40B4-BE49-F238E27FC236}">
                  <a16:creationId xmlns:a16="http://schemas.microsoft.com/office/drawing/2014/main" id="{B5A6A0DB-7373-4869-84A9-642FC216AF9A}"/>
                </a:ext>
              </a:extLst>
            </p:cNvPr>
            <p:cNvSpPr/>
            <p:nvPr/>
          </p:nvSpPr>
          <p:spPr>
            <a:xfrm>
              <a:off x="2767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6" name="Freeform: Shape 265">
              <a:extLst>
                <a:ext uri="{FF2B5EF4-FFF2-40B4-BE49-F238E27FC236}">
                  <a16:creationId xmlns:a16="http://schemas.microsoft.com/office/drawing/2014/main" id="{78D5987E-0F85-4452-98CB-0E6C29BDF7DE}"/>
                </a:ext>
              </a:extLst>
            </p:cNvPr>
            <p:cNvSpPr/>
            <p:nvPr/>
          </p:nvSpPr>
          <p:spPr>
            <a:xfrm>
              <a:off x="2767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7" name="Freeform: Shape 266">
              <a:extLst>
                <a:ext uri="{FF2B5EF4-FFF2-40B4-BE49-F238E27FC236}">
                  <a16:creationId xmlns:a16="http://schemas.microsoft.com/office/drawing/2014/main" id="{E4AD54D6-CDA9-4AD6-B8E0-F133D886604F}"/>
                </a:ext>
              </a:extLst>
            </p:cNvPr>
            <p:cNvSpPr/>
            <p:nvPr/>
          </p:nvSpPr>
          <p:spPr>
            <a:xfrm>
              <a:off x="290967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8" name="Freeform: Shape 267">
              <a:extLst>
                <a:ext uri="{FF2B5EF4-FFF2-40B4-BE49-F238E27FC236}">
                  <a16:creationId xmlns:a16="http://schemas.microsoft.com/office/drawing/2014/main" id="{45511346-D7F2-4203-A1F3-BA32581F7678}"/>
                </a:ext>
              </a:extLst>
            </p:cNvPr>
            <p:cNvSpPr/>
            <p:nvPr/>
          </p:nvSpPr>
          <p:spPr>
            <a:xfrm>
              <a:off x="290967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9" name="Freeform: Shape 268">
              <a:extLst>
                <a:ext uri="{FF2B5EF4-FFF2-40B4-BE49-F238E27FC236}">
                  <a16:creationId xmlns:a16="http://schemas.microsoft.com/office/drawing/2014/main" id="{5D52E8EA-AC09-4971-875E-487276545554}"/>
                </a:ext>
              </a:extLst>
            </p:cNvPr>
            <p:cNvSpPr/>
            <p:nvPr/>
          </p:nvSpPr>
          <p:spPr>
            <a:xfrm>
              <a:off x="290967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0" name="Freeform: Shape 269">
              <a:extLst>
                <a:ext uri="{FF2B5EF4-FFF2-40B4-BE49-F238E27FC236}">
                  <a16:creationId xmlns:a16="http://schemas.microsoft.com/office/drawing/2014/main" id="{2D6BCFFE-413F-40F6-B8E3-F0092B54562F}"/>
                </a:ext>
              </a:extLst>
            </p:cNvPr>
            <p:cNvSpPr/>
            <p:nvPr/>
          </p:nvSpPr>
          <p:spPr>
            <a:xfrm>
              <a:off x="290967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1" name="Freeform: Shape 270">
              <a:extLst>
                <a:ext uri="{FF2B5EF4-FFF2-40B4-BE49-F238E27FC236}">
                  <a16:creationId xmlns:a16="http://schemas.microsoft.com/office/drawing/2014/main" id="{CBD41B8E-3BB8-4CC2-BC69-DEC8965AEF96}"/>
                </a:ext>
              </a:extLst>
            </p:cNvPr>
            <p:cNvSpPr/>
            <p:nvPr/>
          </p:nvSpPr>
          <p:spPr>
            <a:xfrm>
              <a:off x="305234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2" name="Freeform: Shape 271">
              <a:extLst>
                <a:ext uri="{FF2B5EF4-FFF2-40B4-BE49-F238E27FC236}">
                  <a16:creationId xmlns:a16="http://schemas.microsoft.com/office/drawing/2014/main" id="{3F1F0664-677C-49B1-8578-BE71028B30F2}"/>
                </a:ext>
              </a:extLst>
            </p:cNvPr>
            <p:cNvSpPr/>
            <p:nvPr/>
          </p:nvSpPr>
          <p:spPr>
            <a:xfrm>
              <a:off x="305234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3" name="Freeform: Shape 272">
              <a:extLst>
                <a:ext uri="{FF2B5EF4-FFF2-40B4-BE49-F238E27FC236}">
                  <a16:creationId xmlns:a16="http://schemas.microsoft.com/office/drawing/2014/main" id="{8404CF36-D296-45D3-9A4A-D4597F8F1332}"/>
                </a:ext>
              </a:extLst>
            </p:cNvPr>
            <p:cNvSpPr/>
            <p:nvPr/>
          </p:nvSpPr>
          <p:spPr>
            <a:xfrm>
              <a:off x="305234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4" name="Freeform: Shape 273">
              <a:extLst>
                <a:ext uri="{FF2B5EF4-FFF2-40B4-BE49-F238E27FC236}">
                  <a16:creationId xmlns:a16="http://schemas.microsoft.com/office/drawing/2014/main" id="{511C9E56-2906-4FC7-B554-21AF8C0734CC}"/>
                </a:ext>
              </a:extLst>
            </p:cNvPr>
            <p:cNvSpPr/>
            <p:nvPr/>
          </p:nvSpPr>
          <p:spPr>
            <a:xfrm>
              <a:off x="305234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5" name="Freeform: Shape 274">
              <a:extLst>
                <a:ext uri="{FF2B5EF4-FFF2-40B4-BE49-F238E27FC236}">
                  <a16:creationId xmlns:a16="http://schemas.microsoft.com/office/drawing/2014/main" id="{C8DFFF25-4B5C-4403-8C5D-34F0AF82DE9C}"/>
                </a:ext>
              </a:extLst>
            </p:cNvPr>
            <p:cNvSpPr/>
            <p:nvPr/>
          </p:nvSpPr>
          <p:spPr>
            <a:xfrm>
              <a:off x="319494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6" name="Freeform: Shape 275">
              <a:extLst>
                <a:ext uri="{FF2B5EF4-FFF2-40B4-BE49-F238E27FC236}">
                  <a16:creationId xmlns:a16="http://schemas.microsoft.com/office/drawing/2014/main" id="{4B260F95-B905-4C20-83D3-CF9FAC73B9D1}"/>
                </a:ext>
              </a:extLst>
            </p:cNvPr>
            <p:cNvSpPr/>
            <p:nvPr/>
          </p:nvSpPr>
          <p:spPr>
            <a:xfrm>
              <a:off x="319494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7" name="Freeform: Shape 276">
              <a:extLst>
                <a:ext uri="{FF2B5EF4-FFF2-40B4-BE49-F238E27FC236}">
                  <a16:creationId xmlns:a16="http://schemas.microsoft.com/office/drawing/2014/main" id="{E4CC5BF6-0646-475C-819D-BC5105B23663}"/>
                </a:ext>
              </a:extLst>
            </p:cNvPr>
            <p:cNvSpPr/>
            <p:nvPr/>
          </p:nvSpPr>
          <p:spPr>
            <a:xfrm>
              <a:off x="319494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8" name="Freeform: Shape 277">
              <a:extLst>
                <a:ext uri="{FF2B5EF4-FFF2-40B4-BE49-F238E27FC236}">
                  <a16:creationId xmlns:a16="http://schemas.microsoft.com/office/drawing/2014/main" id="{F02CBDE4-AA9D-49F9-AF20-A55A3094217D}"/>
                </a:ext>
              </a:extLst>
            </p:cNvPr>
            <p:cNvSpPr/>
            <p:nvPr/>
          </p:nvSpPr>
          <p:spPr>
            <a:xfrm>
              <a:off x="319494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9" name="Freeform: Shape 278">
              <a:extLst>
                <a:ext uri="{FF2B5EF4-FFF2-40B4-BE49-F238E27FC236}">
                  <a16:creationId xmlns:a16="http://schemas.microsoft.com/office/drawing/2014/main" id="{59A043AC-DAF1-4C86-908F-0D5159E6C962}"/>
                </a:ext>
              </a:extLst>
            </p:cNvPr>
            <p:cNvSpPr/>
            <p:nvPr/>
          </p:nvSpPr>
          <p:spPr>
            <a:xfrm>
              <a:off x="333762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0" name="Freeform: Shape 279">
              <a:extLst>
                <a:ext uri="{FF2B5EF4-FFF2-40B4-BE49-F238E27FC236}">
                  <a16:creationId xmlns:a16="http://schemas.microsoft.com/office/drawing/2014/main" id="{F02000E7-119E-4BDE-90BD-02C3258F95CE}"/>
                </a:ext>
              </a:extLst>
            </p:cNvPr>
            <p:cNvSpPr/>
            <p:nvPr/>
          </p:nvSpPr>
          <p:spPr>
            <a:xfrm>
              <a:off x="333762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1" name="Freeform: Shape 280">
              <a:extLst>
                <a:ext uri="{FF2B5EF4-FFF2-40B4-BE49-F238E27FC236}">
                  <a16:creationId xmlns:a16="http://schemas.microsoft.com/office/drawing/2014/main" id="{007FF71B-51FA-40AB-885A-CA18B4DB9FDC}"/>
                </a:ext>
              </a:extLst>
            </p:cNvPr>
            <p:cNvSpPr/>
            <p:nvPr/>
          </p:nvSpPr>
          <p:spPr>
            <a:xfrm>
              <a:off x="333762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2" name="Freeform: Shape 281">
              <a:extLst>
                <a:ext uri="{FF2B5EF4-FFF2-40B4-BE49-F238E27FC236}">
                  <a16:creationId xmlns:a16="http://schemas.microsoft.com/office/drawing/2014/main" id="{54FCD10B-A51B-498F-8A1F-79B213186880}"/>
                </a:ext>
              </a:extLst>
            </p:cNvPr>
            <p:cNvSpPr/>
            <p:nvPr/>
          </p:nvSpPr>
          <p:spPr>
            <a:xfrm>
              <a:off x="333762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3" name="Freeform: Shape 282">
              <a:extLst>
                <a:ext uri="{FF2B5EF4-FFF2-40B4-BE49-F238E27FC236}">
                  <a16:creationId xmlns:a16="http://schemas.microsoft.com/office/drawing/2014/main" id="{94F8232D-7004-49F0-A86B-F05FCDB208D5}"/>
                </a:ext>
              </a:extLst>
            </p:cNvPr>
            <p:cNvSpPr/>
            <p:nvPr/>
          </p:nvSpPr>
          <p:spPr>
            <a:xfrm>
              <a:off x="105535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4" name="Freeform: Shape 283">
              <a:extLst>
                <a:ext uri="{FF2B5EF4-FFF2-40B4-BE49-F238E27FC236}">
                  <a16:creationId xmlns:a16="http://schemas.microsoft.com/office/drawing/2014/main" id="{9CB82260-A2F2-42F1-8E07-A0E19C8F3DCA}"/>
                </a:ext>
              </a:extLst>
            </p:cNvPr>
            <p:cNvSpPr/>
            <p:nvPr/>
          </p:nvSpPr>
          <p:spPr>
            <a:xfrm>
              <a:off x="362289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5" name="Freeform: Shape 284">
              <a:extLst>
                <a:ext uri="{FF2B5EF4-FFF2-40B4-BE49-F238E27FC236}">
                  <a16:creationId xmlns:a16="http://schemas.microsoft.com/office/drawing/2014/main" id="{1F6AE420-CF9A-4288-94E6-36229C056D4E}"/>
                </a:ext>
              </a:extLst>
            </p:cNvPr>
            <p:cNvSpPr/>
            <p:nvPr/>
          </p:nvSpPr>
          <p:spPr>
            <a:xfrm>
              <a:off x="105535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6" name="Freeform: Shape 285">
              <a:extLst>
                <a:ext uri="{FF2B5EF4-FFF2-40B4-BE49-F238E27FC236}">
                  <a16:creationId xmlns:a16="http://schemas.microsoft.com/office/drawing/2014/main" id="{07D4CEA2-8395-43CE-8F8A-D8D0D6AE0E69}"/>
                </a:ext>
              </a:extLst>
            </p:cNvPr>
            <p:cNvSpPr/>
            <p:nvPr/>
          </p:nvSpPr>
          <p:spPr>
            <a:xfrm>
              <a:off x="105535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7" name="Freeform: Shape 286">
              <a:extLst>
                <a:ext uri="{FF2B5EF4-FFF2-40B4-BE49-F238E27FC236}">
                  <a16:creationId xmlns:a16="http://schemas.microsoft.com/office/drawing/2014/main" id="{C9DD8D14-D681-454B-A37A-130B124AF186}"/>
                </a:ext>
              </a:extLst>
            </p:cNvPr>
            <p:cNvSpPr/>
            <p:nvPr/>
          </p:nvSpPr>
          <p:spPr>
            <a:xfrm>
              <a:off x="105535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8" name="Freeform: Shape 287">
              <a:extLst>
                <a:ext uri="{FF2B5EF4-FFF2-40B4-BE49-F238E27FC236}">
                  <a16:creationId xmlns:a16="http://schemas.microsoft.com/office/drawing/2014/main" id="{B087AB6E-8287-4804-A33B-1E8553C0E673}"/>
                </a:ext>
              </a:extLst>
            </p:cNvPr>
            <p:cNvSpPr/>
            <p:nvPr/>
          </p:nvSpPr>
          <p:spPr>
            <a:xfrm>
              <a:off x="362289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9" name="Freeform: Shape 288">
              <a:extLst>
                <a:ext uri="{FF2B5EF4-FFF2-40B4-BE49-F238E27FC236}">
                  <a16:creationId xmlns:a16="http://schemas.microsoft.com/office/drawing/2014/main" id="{6C757E94-1B00-4135-B402-7044EE9CE4C1}"/>
                </a:ext>
              </a:extLst>
            </p:cNvPr>
            <p:cNvSpPr/>
            <p:nvPr/>
          </p:nvSpPr>
          <p:spPr>
            <a:xfrm>
              <a:off x="362289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90" name="Freeform: Shape 289">
              <a:extLst>
                <a:ext uri="{FF2B5EF4-FFF2-40B4-BE49-F238E27FC236}">
                  <a16:creationId xmlns:a16="http://schemas.microsoft.com/office/drawing/2014/main" id="{B8AA6312-A24C-48EB-8758-4735B5CA4B8D}"/>
                </a:ext>
              </a:extLst>
            </p:cNvPr>
            <p:cNvSpPr/>
            <p:nvPr/>
          </p:nvSpPr>
          <p:spPr>
            <a:xfrm>
              <a:off x="362289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91" name="Freeform: Shape 290">
              <a:extLst>
                <a:ext uri="{FF2B5EF4-FFF2-40B4-BE49-F238E27FC236}">
                  <a16:creationId xmlns:a16="http://schemas.microsoft.com/office/drawing/2014/main" id="{FD09459E-D063-43D4-859A-D6416B11B494}"/>
                </a:ext>
              </a:extLst>
            </p:cNvPr>
            <p:cNvSpPr/>
            <p:nvPr/>
          </p:nvSpPr>
          <p:spPr>
            <a:xfrm>
              <a:off x="433611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27" name="Freeform: Shape 326">
              <a:extLst>
                <a:ext uri="{FF2B5EF4-FFF2-40B4-BE49-F238E27FC236}">
                  <a16:creationId xmlns:a16="http://schemas.microsoft.com/office/drawing/2014/main" id="{B729397C-5660-43A9-A868-84D452318882}"/>
                </a:ext>
              </a:extLst>
            </p:cNvPr>
            <p:cNvSpPr/>
            <p:nvPr/>
          </p:nvSpPr>
          <p:spPr>
            <a:xfrm>
              <a:off x="5796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31" name="Freeform: Shape 330">
              <a:extLst>
                <a:ext uri="{FF2B5EF4-FFF2-40B4-BE49-F238E27FC236}">
                  <a16:creationId xmlns:a16="http://schemas.microsoft.com/office/drawing/2014/main" id="{E233F836-7120-4377-9478-CAA7B8AFD47F}"/>
                </a:ext>
              </a:extLst>
            </p:cNvPr>
            <p:cNvSpPr/>
            <p:nvPr/>
          </p:nvSpPr>
          <p:spPr>
            <a:xfrm>
              <a:off x="5796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32" name="Freeform: Shape 331">
              <a:extLst>
                <a:ext uri="{FF2B5EF4-FFF2-40B4-BE49-F238E27FC236}">
                  <a16:creationId xmlns:a16="http://schemas.microsoft.com/office/drawing/2014/main" id="{900399CE-0161-4AEB-B3D1-9EABC33111DA}"/>
                </a:ext>
              </a:extLst>
            </p:cNvPr>
            <p:cNvSpPr/>
            <p:nvPr/>
          </p:nvSpPr>
          <p:spPr>
            <a:xfrm>
              <a:off x="5796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33" name="Freeform: Shape 332">
              <a:extLst>
                <a:ext uri="{FF2B5EF4-FFF2-40B4-BE49-F238E27FC236}">
                  <a16:creationId xmlns:a16="http://schemas.microsoft.com/office/drawing/2014/main" id="{793F1B21-2A2A-4BF1-839A-0CED429D1DBA}"/>
                </a:ext>
              </a:extLst>
            </p:cNvPr>
            <p:cNvSpPr/>
            <p:nvPr/>
          </p:nvSpPr>
          <p:spPr>
            <a:xfrm>
              <a:off x="5796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35" name="Freeform: Shape 334">
              <a:extLst>
                <a:ext uri="{FF2B5EF4-FFF2-40B4-BE49-F238E27FC236}">
                  <a16:creationId xmlns:a16="http://schemas.microsoft.com/office/drawing/2014/main" id="{E1C112C9-B364-4E4E-82A6-4EAE2A02713D}"/>
                </a:ext>
              </a:extLst>
            </p:cNvPr>
            <p:cNvSpPr/>
            <p:nvPr/>
          </p:nvSpPr>
          <p:spPr>
            <a:xfrm>
              <a:off x="20063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39" name="Freeform: Shape 338">
              <a:extLst>
                <a:ext uri="{FF2B5EF4-FFF2-40B4-BE49-F238E27FC236}">
                  <a16:creationId xmlns:a16="http://schemas.microsoft.com/office/drawing/2014/main" id="{EC7413E4-7EC7-44BF-8632-DAE56E19E9E3}"/>
                </a:ext>
              </a:extLst>
            </p:cNvPr>
            <p:cNvSpPr/>
            <p:nvPr/>
          </p:nvSpPr>
          <p:spPr>
            <a:xfrm>
              <a:off x="20063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40" name="Freeform: Shape 339">
              <a:extLst>
                <a:ext uri="{FF2B5EF4-FFF2-40B4-BE49-F238E27FC236}">
                  <a16:creationId xmlns:a16="http://schemas.microsoft.com/office/drawing/2014/main" id="{EEB08736-0088-47DA-8C05-FF81394FF89A}"/>
                </a:ext>
              </a:extLst>
            </p:cNvPr>
            <p:cNvSpPr/>
            <p:nvPr/>
          </p:nvSpPr>
          <p:spPr>
            <a:xfrm>
              <a:off x="20063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42" name="Freeform: Shape 341">
              <a:extLst>
                <a:ext uri="{FF2B5EF4-FFF2-40B4-BE49-F238E27FC236}">
                  <a16:creationId xmlns:a16="http://schemas.microsoft.com/office/drawing/2014/main" id="{FCB7F045-4899-4D02-9BDD-B2D788983C2A}"/>
                </a:ext>
              </a:extLst>
            </p:cNvPr>
            <p:cNvSpPr/>
            <p:nvPr/>
          </p:nvSpPr>
          <p:spPr>
            <a:xfrm>
              <a:off x="3432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46" name="Freeform: Shape 345">
              <a:extLst>
                <a:ext uri="{FF2B5EF4-FFF2-40B4-BE49-F238E27FC236}">
                  <a16:creationId xmlns:a16="http://schemas.microsoft.com/office/drawing/2014/main" id="{AE62143C-7F01-4699-87B0-4F7E0213B1F1}"/>
                </a:ext>
              </a:extLst>
            </p:cNvPr>
            <p:cNvSpPr/>
            <p:nvPr/>
          </p:nvSpPr>
          <p:spPr>
            <a:xfrm>
              <a:off x="3432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47" name="Freeform: Shape 346">
              <a:extLst>
                <a:ext uri="{FF2B5EF4-FFF2-40B4-BE49-F238E27FC236}">
                  <a16:creationId xmlns:a16="http://schemas.microsoft.com/office/drawing/2014/main" id="{8DD37511-8CBA-4EA7-879A-6D40721E9F41}"/>
                </a:ext>
              </a:extLst>
            </p:cNvPr>
            <p:cNvSpPr/>
            <p:nvPr/>
          </p:nvSpPr>
          <p:spPr>
            <a:xfrm>
              <a:off x="3432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48" name="Freeform: Shape 347">
              <a:extLst>
                <a:ext uri="{FF2B5EF4-FFF2-40B4-BE49-F238E27FC236}">
                  <a16:creationId xmlns:a16="http://schemas.microsoft.com/office/drawing/2014/main" id="{0556BDE0-F157-49A4-B1B7-74399407455E}"/>
                </a:ext>
              </a:extLst>
            </p:cNvPr>
            <p:cNvSpPr/>
            <p:nvPr/>
          </p:nvSpPr>
          <p:spPr>
            <a:xfrm>
              <a:off x="3432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50" name="Freeform: Shape 349">
              <a:extLst>
                <a:ext uri="{FF2B5EF4-FFF2-40B4-BE49-F238E27FC236}">
                  <a16:creationId xmlns:a16="http://schemas.microsoft.com/office/drawing/2014/main" id="{FB5F50F3-ABAA-47E1-89A3-E910AF0BA842}"/>
                </a:ext>
              </a:extLst>
            </p:cNvPr>
            <p:cNvSpPr/>
            <p:nvPr/>
          </p:nvSpPr>
          <p:spPr>
            <a:xfrm>
              <a:off x="485911"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54" name="Freeform: Shape 353">
              <a:extLst>
                <a:ext uri="{FF2B5EF4-FFF2-40B4-BE49-F238E27FC236}">
                  <a16:creationId xmlns:a16="http://schemas.microsoft.com/office/drawing/2014/main" id="{69BF788E-F153-42B2-93C1-459F2B0771AE}"/>
                </a:ext>
              </a:extLst>
            </p:cNvPr>
            <p:cNvSpPr/>
            <p:nvPr/>
          </p:nvSpPr>
          <p:spPr>
            <a:xfrm>
              <a:off x="485911"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55" name="Freeform: Shape 354">
              <a:extLst>
                <a:ext uri="{FF2B5EF4-FFF2-40B4-BE49-F238E27FC236}">
                  <a16:creationId xmlns:a16="http://schemas.microsoft.com/office/drawing/2014/main" id="{D07A0FB8-07F4-4A2F-B2F3-A843586407CF}"/>
                </a:ext>
              </a:extLst>
            </p:cNvPr>
            <p:cNvSpPr/>
            <p:nvPr/>
          </p:nvSpPr>
          <p:spPr>
            <a:xfrm>
              <a:off x="485911"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56" name="Freeform: Shape 355">
              <a:extLst>
                <a:ext uri="{FF2B5EF4-FFF2-40B4-BE49-F238E27FC236}">
                  <a16:creationId xmlns:a16="http://schemas.microsoft.com/office/drawing/2014/main" id="{C0C72748-283B-40D7-A03A-DBF58B58B46A}"/>
                </a:ext>
              </a:extLst>
            </p:cNvPr>
            <p:cNvSpPr/>
            <p:nvPr/>
          </p:nvSpPr>
          <p:spPr>
            <a:xfrm>
              <a:off x="485911"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58" name="Freeform: Shape 357">
              <a:extLst>
                <a:ext uri="{FF2B5EF4-FFF2-40B4-BE49-F238E27FC236}">
                  <a16:creationId xmlns:a16="http://schemas.microsoft.com/office/drawing/2014/main" id="{9C1884FB-3490-4058-8240-F3C01BD7DD80}"/>
                </a:ext>
              </a:extLst>
            </p:cNvPr>
            <p:cNvSpPr/>
            <p:nvPr/>
          </p:nvSpPr>
          <p:spPr>
            <a:xfrm>
              <a:off x="62858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62" name="Freeform: Shape 361">
              <a:extLst>
                <a:ext uri="{FF2B5EF4-FFF2-40B4-BE49-F238E27FC236}">
                  <a16:creationId xmlns:a16="http://schemas.microsoft.com/office/drawing/2014/main" id="{DAD260AE-42CF-4390-9176-B4BD22A528DD}"/>
                </a:ext>
              </a:extLst>
            </p:cNvPr>
            <p:cNvSpPr/>
            <p:nvPr/>
          </p:nvSpPr>
          <p:spPr>
            <a:xfrm>
              <a:off x="62858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63" name="Freeform: Shape 362">
              <a:extLst>
                <a:ext uri="{FF2B5EF4-FFF2-40B4-BE49-F238E27FC236}">
                  <a16:creationId xmlns:a16="http://schemas.microsoft.com/office/drawing/2014/main" id="{905CB6DA-C557-4481-82A2-65FB8AEED2E7}"/>
                </a:ext>
              </a:extLst>
            </p:cNvPr>
            <p:cNvSpPr/>
            <p:nvPr/>
          </p:nvSpPr>
          <p:spPr>
            <a:xfrm>
              <a:off x="62858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64" name="Freeform: Shape 363">
              <a:extLst>
                <a:ext uri="{FF2B5EF4-FFF2-40B4-BE49-F238E27FC236}">
                  <a16:creationId xmlns:a16="http://schemas.microsoft.com/office/drawing/2014/main" id="{32E4D79A-E40D-48E2-9294-14FB1A40078E}"/>
                </a:ext>
              </a:extLst>
            </p:cNvPr>
            <p:cNvSpPr/>
            <p:nvPr/>
          </p:nvSpPr>
          <p:spPr>
            <a:xfrm>
              <a:off x="62858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66" name="Freeform: Shape 365">
              <a:extLst>
                <a:ext uri="{FF2B5EF4-FFF2-40B4-BE49-F238E27FC236}">
                  <a16:creationId xmlns:a16="http://schemas.microsoft.com/office/drawing/2014/main" id="{F7A68C10-6696-4047-AE23-BCE93A5B20F6}"/>
                </a:ext>
              </a:extLst>
            </p:cNvPr>
            <p:cNvSpPr/>
            <p:nvPr/>
          </p:nvSpPr>
          <p:spPr>
            <a:xfrm>
              <a:off x="77118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70" name="Freeform: Shape 369">
              <a:extLst>
                <a:ext uri="{FF2B5EF4-FFF2-40B4-BE49-F238E27FC236}">
                  <a16:creationId xmlns:a16="http://schemas.microsoft.com/office/drawing/2014/main" id="{C8C95FF5-312C-408F-881B-B6E20CA3692B}"/>
                </a:ext>
              </a:extLst>
            </p:cNvPr>
            <p:cNvSpPr/>
            <p:nvPr/>
          </p:nvSpPr>
          <p:spPr>
            <a:xfrm>
              <a:off x="77118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71" name="Freeform: Shape 370">
              <a:extLst>
                <a:ext uri="{FF2B5EF4-FFF2-40B4-BE49-F238E27FC236}">
                  <a16:creationId xmlns:a16="http://schemas.microsoft.com/office/drawing/2014/main" id="{3CA81529-5200-48C6-9458-524876AFE459}"/>
                </a:ext>
              </a:extLst>
            </p:cNvPr>
            <p:cNvSpPr/>
            <p:nvPr/>
          </p:nvSpPr>
          <p:spPr>
            <a:xfrm>
              <a:off x="77118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72" name="Freeform: Shape 371">
              <a:extLst>
                <a:ext uri="{FF2B5EF4-FFF2-40B4-BE49-F238E27FC236}">
                  <a16:creationId xmlns:a16="http://schemas.microsoft.com/office/drawing/2014/main" id="{693C9681-43DA-4555-ADB6-DA2F8D2BD211}"/>
                </a:ext>
              </a:extLst>
            </p:cNvPr>
            <p:cNvSpPr/>
            <p:nvPr/>
          </p:nvSpPr>
          <p:spPr>
            <a:xfrm>
              <a:off x="77118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09" name="Freeform: Shape 408">
              <a:extLst>
                <a:ext uri="{FF2B5EF4-FFF2-40B4-BE49-F238E27FC236}">
                  <a16:creationId xmlns:a16="http://schemas.microsoft.com/office/drawing/2014/main" id="{4A15EF01-C679-408F-A73F-A98755821DD0}"/>
                </a:ext>
              </a:extLst>
            </p:cNvPr>
            <p:cNvSpPr/>
            <p:nvPr/>
          </p:nvSpPr>
          <p:spPr>
            <a:xfrm>
              <a:off x="20063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grpSp>
      <p:sp>
        <p:nvSpPr>
          <p:cNvPr id="295" name="Date Placeholder 3">
            <a:extLst>
              <a:ext uri="{FF2B5EF4-FFF2-40B4-BE49-F238E27FC236}">
                <a16:creationId xmlns:a16="http://schemas.microsoft.com/office/drawing/2014/main" id="{A28A91CD-1DE9-4D8C-95D1-C1C70CCB4E66}"/>
              </a:ext>
            </a:extLst>
          </p:cNvPr>
          <p:cNvSpPr>
            <a:spLocks noGrp="1"/>
          </p:cNvSpPr>
          <p:nvPr>
            <p:ph type="dt" sz="half" idx="10"/>
          </p:nvPr>
        </p:nvSpPr>
        <p:spPr>
          <a:xfrm>
            <a:off x="631825" y="7165952"/>
            <a:ext cx="832104" cy="200055"/>
          </a:xfrm>
        </p:spPr>
        <p:txBody>
          <a:bodyPr/>
          <a:lstStyle/>
          <a:p>
            <a:fld id="{2003B1D3-F118-4DC2-9C13-CFA16C6DBB7D}" type="datetime1">
              <a:rPr lang="en-GB" smtClean="0"/>
              <a:t>23/05/2022</a:t>
            </a:fld>
            <a:endParaRPr lang="en-GB"/>
          </a:p>
        </p:txBody>
      </p:sp>
      <p:sp>
        <p:nvSpPr>
          <p:cNvPr id="296" name="Footer Placeholder 4">
            <a:extLst>
              <a:ext uri="{FF2B5EF4-FFF2-40B4-BE49-F238E27FC236}">
                <a16:creationId xmlns:a16="http://schemas.microsoft.com/office/drawing/2014/main" id="{2424FC31-CE78-4C31-BB97-A80E82A56B02}"/>
              </a:ext>
            </a:extLst>
          </p:cNvPr>
          <p:cNvSpPr>
            <a:spLocks noGrp="1"/>
          </p:cNvSpPr>
          <p:nvPr>
            <p:ph type="ftr" sz="quarter" idx="11"/>
          </p:nvPr>
        </p:nvSpPr>
        <p:spPr>
          <a:xfrm>
            <a:off x="1562356" y="7165951"/>
            <a:ext cx="8694253" cy="200055"/>
          </a:xfrm>
        </p:spPr>
        <p:txBody>
          <a:bodyPr/>
          <a:lstStyle/>
          <a:p>
            <a:endParaRPr lang="en-GB"/>
          </a:p>
        </p:txBody>
      </p:sp>
      <p:sp>
        <p:nvSpPr>
          <p:cNvPr id="297" name="Slide Number Placeholder 5">
            <a:extLst>
              <a:ext uri="{FF2B5EF4-FFF2-40B4-BE49-F238E27FC236}">
                <a16:creationId xmlns:a16="http://schemas.microsoft.com/office/drawing/2014/main" id="{9E754D4A-8F07-48F1-ADC4-FCC25FA89E86}"/>
              </a:ext>
            </a:extLst>
          </p:cNvPr>
          <p:cNvSpPr>
            <a:spLocks noGrp="1"/>
          </p:cNvSpPr>
          <p:nvPr>
            <p:ph type="sldNum" sz="quarter" idx="12"/>
          </p:nvPr>
        </p:nvSpPr>
        <p:spPr>
          <a:xfrm>
            <a:off x="10355036" y="7165953"/>
            <a:ext cx="486000" cy="200055"/>
          </a:xfrm>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147610036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eldia met afbeelding">
    <p:spTree>
      <p:nvGrpSpPr>
        <p:cNvPr id="1" name=""/>
        <p:cNvGrpSpPr/>
        <p:nvPr/>
      </p:nvGrpSpPr>
      <p:grpSpPr>
        <a:xfrm>
          <a:off x="0" y="0"/>
          <a:ext cx="0" cy="0"/>
          <a:chOff x="0" y="0"/>
          <a:chExt cx="0" cy="0"/>
        </a:xfrm>
      </p:grpSpPr>
      <p:sp>
        <p:nvSpPr>
          <p:cNvPr id="251" name="Picture Placeholder 250">
            <a:extLst>
              <a:ext uri="{FF2B5EF4-FFF2-40B4-BE49-F238E27FC236}">
                <a16:creationId xmlns:a16="http://schemas.microsoft.com/office/drawing/2014/main" id="{8FC9796D-6AA5-4C11-9361-CFA70946833A}"/>
              </a:ext>
            </a:extLst>
          </p:cNvPr>
          <p:cNvSpPr>
            <a:spLocks noGrp="1"/>
          </p:cNvSpPr>
          <p:nvPr>
            <p:ph type="pic" sz="quarter" idx="13" hasCustomPrompt="1"/>
          </p:nvPr>
        </p:nvSpPr>
        <p:spPr bwMode="auto">
          <a:xfrm>
            <a:off x="60" y="34"/>
            <a:ext cx="12191941" cy="6857967"/>
          </a:xfrm>
          <a:custGeom>
            <a:avLst/>
            <a:gdLst>
              <a:gd name="connsiteX0" fmla="*/ 9042170 w 12191941"/>
              <a:gd name="connsiteY0" fmla="*/ 6474347 h 6857967"/>
              <a:gd name="connsiteX1" fmla="*/ 9042170 w 12191941"/>
              <a:gd name="connsiteY1" fmla="*/ 6545648 h 6857967"/>
              <a:gd name="connsiteX2" fmla="*/ 9113471 w 12191941"/>
              <a:gd name="connsiteY2" fmla="*/ 6545648 h 6857967"/>
              <a:gd name="connsiteX3" fmla="*/ 9113471 w 12191941"/>
              <a:gd name="connsiteY3" fmla="*/ 6474347 h 6857967"/>
              <a:gd name="connsiteX4" fmla="*/ 8899568 w 12191941"/>
              <a:gd name="connsiteY4" fmla="*/ 6474347 h 6857967"/>
              <a:gd name="connsiteX5" fmla="*/ 8899568 w 12191941"/>
              <a:gd name="connsiteY5" fmla="*/ 6545648 h 6857967"/>
              <a:gd name="connsiteX6" fmla="*/ 8970869 w 12191941"/>
              <a:gd name="connsiteY6" fmla="*/ 6545648 h 6857967"/>
              <a:gd name="connsiteX7" fmla="*/ 8970869 w 12191941"/>
              <a:gd name="connsiteY7" fmla="*/ 6474347 h 6857967"/>
              <a:gd name="connsiteX8" fmla="*/ 8756896 w 12191941"/>
              <a:gd name="connsiteY8" fmla="*/ 6474347 h 6857967"/>
              <a:gd name="connsiteX9" fmla="*/ 8756896 w 12191941"/>
              <a:gd name="connsiteY9" fmla="*/ 6545648 h 6857967"/>
              <a:gd name="connsiteX10" fmla="*/ 8828196 w 12191941"/>
              <a:gd name="connsiteY10" fmla="*/ 6545648 h 6857967"/>
              <a:gd name="connsiteX11" fmla="*/ 8828196 w 12191941"/>
              <a:gd name="connsiteY11" fmla="*/ 6474347 h 6857967"/>
              <a:gd name="connsiteX12" fmla="*/ 8614223 w 12191941"/>
              <a:gd name="connsiteY12" fmla="*/ 6474347 h 6857967"/>
              <a:gd name="connsiteX13" fmla="*/ 8614223 w 12191941"/>
              <a:gd name="connsiteY13" fmla="*/ 6545648 h 6857967"/>
              <a:gd name="connsiteX14" fmla="*/ 8685524 w 12191941"/>
              <a:gd name="connsiteY14" fmla="*/ 6545648 h 6857967"/>
              <a:gd name="connsiteX15" fmla="*/ 8685524 w 12191941"/>
              <a:gd name="connsiteY15" fmla="*/ 6474347 h 6857967"/>
              <a:gd name="connsiteX16" fmla="*/ 8471622 w 12191941"/>
              <a:gd name="connsiteY16" fmla="*/ 6474347 h 6857967"/>
              <a:gd name="connsiteX17" fmla="*/ 8471622 w 12191941"/>
              <a:gd name="connsiteY17" fmla="*/ 6545648 h 6857967"/>
              <a:gd name="connsiteX18" fmla="*/ 8542923 w 12191941"/>
              <a:gd name="connsiteY18" fmla="*/ 6545648 h 6857967"/>
              <a:gd name="connsiteX19" fmla="*/ 8542923 w 12191941"/>
              <a:gd name="connsiteY19" fmla="*/ 6474347 h 6857967"/>
              <a:gd name="connsiteX20" fmla="*/ 8328949 w 12191941"/>
              <a:gd name="connsiteY20" fmla="*/ 6474347 h 6857967"/>
              <a:gd name="connsiteX21" fmla="*/ 8328949 w 12191941"/>
              <a:gd name="connsiteY21" fmla="*/ 6545648 h 6857967"/>
              <a:gd name="connsiteX22" fmla="*/ 8400250 w 12191941"/>
              <a:gd name="connsiteY22" fmla="*/ 6545648 h 6857967"/>
              <a:gd name="connsiteX23" fmla="*/ 8400250 w 12191941"/>
              <a:gd name="connsiteY23" fmla="*/ 6474347 h 6857967"/>
              <a:gd name="connsiteX24" fmla="*/ 8186348 w 12191941"/>
              <a:gd name="connsiteY24" fmla="*/ 6474347 h 6857967"/>
              <a:gd name="connsiteX25" fmla="*/ 8186348 w 12191941"/>
              <a:gd name="connsiteY25" fmla="*/ 6545648 h 6857967"/>
              <a:gd name="connsiteX26" fmla="*/ 8257649 w 12191941"/>
              <a:gd name="connsiteY26" fmla="*/ 6545648 h 6857967"/>
              <a:gd name="connsiteX27" fmla="*/ 8257649 w 12191941"/>
              <a:gd name="connsiteY27" fmla="*/ 6474347 h 6857967"/>
              <a:gd name="connsiteX28" fmla="*/ 8043675 w 12191941"/>
              <a:gd name="connsiteY28" fmla="*/ 6474347 h 6857967"/>
              <a:gd name="connsiteX29" fmla="*/ 8043675 w 12191941"/>
              <a:gd name="connsiteY29" fmla="*/ 6545648 h 6857967"/>
              <a:gd name="connsiteX30" fmla="*/ 8114976 w 12191941"/>
              <a:gd name="connsiteY30" fmla="*/ 6545648 h 6857967"/>
              <a:gd name="connsiteX31" fmla="*/ 8114976 w 12191941"/>
              <a:gd name="connsiteY31" fmla="*/ 6474347 h 6857967"/>
              <a:gd name="connsiteX32" fmla="*/ 7901003 w 12191941"/>
              <a:gd name="connsiteY32" fmla="*/ 6474347 h 6857967"/>
              <a:gd name="connsiteX33" fmla="*/ 7901003 w 12191941"/>
              <a:gd name="connsiteY33" fmla="*/ 6545648 h 6857967"/>
              <a:gd name="connsiteX34" fmla="*/ 7972304 w 12191941"/>
              <a:gd name="connsiteY34" fmla="*/ 6545648 h 6857967"/>
              <a:gd name="connsiteX35" fmla="*/ 7972304 w 12191941"/>
              <a:gd name="connsiteY35" fmla="*/ 6474347 h 6857967"/>
              <a:gd name="connsiteX36" fmla="*/ 7758401 w 12191941"/>
              <a:gd name="connsiteY36" fmla="*/ 6474347 h 6857967"/>
              <a:gd name="connsiteX37" fmla="*/ 7758401 w 12191941"/>
              <a:gd name="connsiteY37" fmla="*/ 6545648 h 6857967"/>
              <a:gd name="connsiteX38" fmla="*/ 7829702 w 12191941"/>
              <a:gd name="connsiteY38" fmla="*/ 6545648 h 6857967"/>
              <a:gd name="connsiteX39" fmla="*/ 7829702 w 12191941"/>
              <a:gd name="connsiteY39" fmla="*/ 6474347 h 6857967"/>
              <a:gd name="connsiteX40" fmla="*/ 7615728 w 12191941"/>
              <a:gd name="connsiteY40" fmla="*/ 6474347 h 6857967"/>
              <a:gd name="connsiteX41" fmla="*/ 7615728 w 12191941"/>
              <a:gd name="connsiteY41" fmla="*/ 6545648 h 6857967"/>
              <a:gd name="connsiteX42" fmla="*/ 7687029 w 12191941"/>
              <a:gd name="connsiteY42" fmla="*/ 6545648 h 6857967"/>
              <a:gd name="connsiteX43" fmla="*/ 7687029 w 12191941"/>
              <a:gd name="connsiteY43" fmla="*/ 6474347 h 6857967"/>
              <a:gd name="connsiteX44" fmla="*/ 7473127 w 12191941"/>
              <a:gd name="connsiteY44" fmla="*/ 6474347 h 6857967"/>
              <a:gd name="connsiteX45" fmla="*/ 7473127 w 12191941"/>
              <a:gd name="connsiteY45" fmla="*/ 6545648 h 6857967"/>
              <a:gd name="connsiteX46" fmla="*/ 7544428 w 12191941"/>
              <a:gd name="connsiteY46" fmla="*/ 6545648 h 6857967"/>
              <a:gd name="connsiteX47" fmla="*/ 7544428 w 12191941"/>
              <a:gd name="connsiteY47" fmla="*/ 6474347 h 6857967"/>
              <a:gd name="connsiteX48" fmla="*/ 7330454 w 12191941"/>
              <a:gd name="connsiteY48" fmla="*/ 6474347 h 6857967"/>
              <a:gd name="connsiteX49" fmla="*/ 7330454 w 12191941"/>
              <a:gd name="connsiteY49" fmla="*/ 6545648 h 6857967"/>
              <a:gd name="connsiteX50" fmla="*/ 7401755 w 12191941"/>
              <a:gd name="connsiteY50" fmla="*/ 6545648 h 6857967"/>
              <a:gd name="connsiteX51" fmla="*/ 7401755 w 12191941"/>
              <a:gd name="connsiteY51" fmla="*/ 6474347 h 6857967"/>
              <a:gd name="connsiteX52" fmla="*/ 7187853 w 12191941"/>
              <a:gd name="connsiteY52" fmla="*/ 6474347 h 6857967"/>
              <a:gd name="connsiteX53" fmla="*/ 7187853 w 12191941"/>
              <a:gd name="connsiteY53" fmla="*/ 6545648 h 6857967"/>
              <a:gd name="connsiteX54" fmla="*/ 7259154 w 12191941"/>
              <a:gd name="connsiteY54" fmla="*/ 6545648 h 6857967"/>
              <a:gd name="connsiteX55" fmla="*/ 7259154 w 12191941"/>
              <a:gd name="connsiteY55" fmla="*/ 6474347 h 6857967"/>
              <a:gd name="connsiteX56" fmla="*/ 7045180 w 12191941"/>
              <a:gd name="connsiteY56" fmla="*/ 6474347 h 6857967"/>
              <a:gd name="connsiteX57" fmla="*/ 7045180 w 12191941"/>
              <a:gd name="connsiteY57" fmla="*/ 6545648 h 6857967"/>
              <a:gd name="connsiteX58" fmla="*/ 7116481 w 12191941"/>
              <a:gd name="connsiteY58" fmla="*/ 6545648 h 6857967"/>
              <a:gd name="connsiteX59" fmla="*/ 7116481 w 12191941"/>
              <a:gd name="connsiteY59" fmla="*/ 6474347 h 6857967"/>
              <a:gd name="connsiteX60" fmla="*/ 6902579 w 12191941"/>
              <a:gd name="connsiteY60" fmla="*/ 6474347 h 6857967"/>
              <a:gd name="connsiteX61" fmla="*/ 6902579 w 12191941"/>
              <a:gd name="connsiteY61" fmla="*/ 6545648 h 6857967"/>
              <a:gd name="connsiteX62" fmla="*/ 6973880 w 12191941"/>
              <a:gd name="connsiteY62" fmla="*/ 6545648 h 6857967"/>
              <a:gd name="connsiteX63" fmla="*/ 6973880 w 12191941"/>
              <a:gd name="connsiteY63" fmla="*/ 6474347 h 6857967"/>
              <a:gd name="connsiteX64" fmla="*/ 6759906 w 12191941"/>
              <a:gd name="connsiteY64" fmla="*/ 6474347 h 6857967"/>
              <a:gd name="connsiteX65" fmla="*/ 6759906 w 12191941"/>
              <a:gd name="connsiteY65" fmla="*/ 6545648 h 6857967"/>
              <a:gd name="connsiteX66" fmla="*/ 6831207 w 12191941"/>
              <a:gd name="connsiteY66" fmla="*/ 6545648 h 6857967"/>
              <a:gd name="connsiteX67" fmla="*/ 6831207 w 12191941"/>
              <a:gd name="connsiteY67" fmla="*/ 6474347 h 6857967"/>
              <a:gd name="connsiteX68" fmla="*/ 6617234 w 12191941"/>
              <a:gd name="connsiteY68" fmla="*/ 6474347 h 6857967"/>
              <a:gd name="connsiteX69" fmla="*/ 6617234 w 12191941"/>
              <a:gd name="connsiteY69" fmla="*/ 6545648 h 6857967"/>
              <a:gd name="connsiteX70" fmla="*/ 6688535 w 12191941"/>
              <a:gd name="connsiteY70" fmla="*/ 6545648 h 6857967"/>
              <a:gd name="connsiteX71" fmla="*/ 6688535 w 12191941"/>
              <a:gd name="connsiteY71" fmla="*/ 6474347 h 6857967"/>
              <a:gd name="connsiteX72" fmla="*/ 6474632 w 12191941"/>
              <a:gd name="connsiteY72" fmla="*/ 6474347 h 6857967"/>
              <a:gd name="connsiteX73" fmla="*/ 6474632 w 12191941"/>
              <a:gd name="connsiteY73" fmla="*/ 6545648 h 6857967"/>
              <a:gd name="connsiteX74" fmla="*/ 6545933 w 12191941"/>
              <a:gd name="connsiteY74" fmla="*/ 6545648 h 6857967"/>
              <a:gd name="connsiteX75" fmla="*/ 6545933 w 12191941"/>
              <a:gd name="connsiteY75" fmla="*/ 6474347 h 6857967"/>
              <a:gd name="connsiteX76" fmla="*/ 6331959 w 12191941"/>
              <a:gd name="connsiteY76" fmla="*/ 6474347 h 6857967"/>
              <a:gd name="connsiteX77" fmla="*/ 6331959 w 12191941"/>
              <a:gd name="connsiteY77" fmla="*/ 6545648 h 6857967"/>
              <a:gd name="connsiteX78" fmla="*/ 6403260 w 12191941"/>
              <a:gd name="connsiteY78" fmla="*/ 6545648 h 6857967"/>
              <a:gd name="connsiteX79" fmla="*/ 6403260 w 12191941"/>
              <a:gd name="connsiteY79" fmla="*/ 6474347 h 6857967"/>
              <a:gd name="connsiteX80" fmla="*/ 6189358 w 12191941"/>
              <a:gd name="connsiteY80" fmla="*/ 6474347 h 6857967"/>
              <a:gd name="connsiteX81" fmla="*/ 6189358 w 12191941"/>
              <a:gd name="connsiteY81" fmla="*/ 6545648 h 6857967"/>
              <a:gd name="connsiteX82" fmla="*/ 6260659 w 12191941"/>
              <a:gd name="connsiteY82" fmla="*/ 6545648 h 6857967"/>
              <a:gd name="connsiteX83" fmla="*/ 6260659 w 12191941"/>
              <a:gd name="connsiteY83" fmla="*/ 6474347 h 6857967"/>
              <a:gd name="connsiteX84" fmla="*/ 6046689 w 12191941"/>
              <a:gd name="connsiteY84" fmla="*/ 6474347 h 6857967"/>
              <a:gd name="connsiteX85" fmla="*/ 6046689 w 12191941"/>
              <a:gd name="connsiteY85" fmla="*/ 6545648 h 6857967"/>
              <a:gd name="connsiteX86" fmla="*/ 6117986 w 12191941"/>
              <a:gd name="connsiteY86" fmla="*/ 6545648 h 6857967"/>
              <a:gd name="connsiteX87" fmla="*/ 6117986 w 12191941"/>
              <a:gd name="connsiteY87" fmla="*/ 6474347 h 6857967"/>
              <a:gd name="connsiteX88" fmla="*/ 5904022 w 12191941"/>
              <a:gd name="connsiteY88" fmla="*/ 6474347 h 6857967"/>
              <a:gd name="connsiteX89" fmla="*/ 5904022 w 12191941"/>
              <a:gd name="connsiteY89" fmla="*/ 6545648 h 6857967"/>
              <a:gd name="connsiteX90" fmla="*/ 5975319 w 12191941"/>
              <a:gd name="connsiteY90" fmla="*/ 6545648 h 6857967"/>
              <a:gd name="connsiteX91" fmla="*/ 5975319 w 12191941"/>
              <a:gd name="connsiteY91" fmla="*/ 6474347 h 6857967"/>
              <a:gd name="connsiteX92" fmla="*/ 5761426 w 12191941"/>
              <a:gd name="connsiteY92" fmla="*/ 6474347 h 6857967"/>
              <a:gd name="connsiteX93" fmla="*/ 5761426 w 12191941"/>
              <a:gd name="connsiteY93" fmla="*/ 6545648 h 6857967"/>
              <a:gd name="connsiteX94" fmla="*/ 5832724 w 12191941"/>
              <a:gd name="connsiteY94" fmla="*/ 6545648 h 6857967"/>
              <a:gd name="connsiteX95" fmla="*/ 5832724 w 12191941"/>
              <a:gd name="connsiteY95" fmla="*/ 6474347 h 6857967"/>
              <a:gd name="connsiteX96" fmla="*/ 5618761 w 12191941"/>
              <a:gd name="connsiteY96" fmla="*/ 6474347 h 6857967"/>
              <a:gd name="connsiteX97" fmla="*/ 5618761 w 12191941"/>
              <a:gd name="connsiteY97" fmla="*/ 6545648 h 6857967"/>
              <a:gd name="connsiteX98" fmla="*/ 5690059 w 12191941"/>
              <a:gd name="connsiteY98" fmla="*/ 6545648 h 6857967"/>
              <a:gd name="connsiteX99" fmla="*/ 5690059 w 12191941"/>
              <a:gd name="connsiteY99" fmla="*/ 6474347 h 6857967"/>
              <a:gd name="connsiteX100" fmla="*/ 5476167 w 12191941"/>
              <a:gd name="connsiteY100" fmla="*/ 6474347 h 6857967"/>
              <a:gd name="connsiteX101" fmla="*/ 5476167 w 12191941"/>
              <a:gd name="connsiteY101" fmla="*/ 6545648 h 6857967"/>
              <a:gd name="connsiteX102" fmla="*/ 5547463 w 12191941"/>
              <a:gd name="connsiteY102" fmla="*/ 6545648 h 6857967"/>
              <a:gd name="connsiteX103" fmla="*/ 5547463 w 12191941"/>
              <a:gd name="connsiteY103" fmla="*/ 6474347 h 6857967"/>
              <a:gd name="connsiteX104" fmla="*/ 5333500 w 12191941"/>
              <a:gd name="connsiteY104" fmla="*/ 6474347 h 6857967"/>
              <a:gd name="connsiteX105" fmla="*/ 5333500 w 12191941"/>
              <a:gd name="connsiteY105" fmla="*/ 6545648 h 6857967"/>
              <a:gd name="connsiteX106" fmla="*/ 5404799 w 12191941"/>
              <a:gd name="connsiteY106" fmla="*/ 6545648 h 6857967"/>
              <a:gd name="connsiteX107" fmla="*/ 5404799 w 12191941"/>
              <a:gd name="connsiteY107" fmla="*/ 6474347 h 6857967"/>
              <a:gd name="connsiteX108" fmla="*/ 5190877 w 12191941"/>
              <a:gd name="connsiteY108" fmla="*/ 6474347 h 6857967"/>
              <a:gd name="connsiteX109" fmla="*/ 5190877 w 12191941"/>
              <a:gd name="connsiteY109" fmla="*/ 6545648 h 6857967"/>
              <a:gd name="connsiteX110" fmla="*/ 5262188 w 12191941"/>
              <a:gd name="connsiteY110" fmla="*/ 6545648 h 6857967"/>
              <a:gd name="connsiteX111" fmla="*/ 5262188 w 12191941"/>
              <a:gd name="connsiteY111" fmla="*/ 6474347 h 6857967"/>
              <a:gd name="connsiteX112" fmla="*/ 5048236 w 12191941"/>
              <a:gd name="connsiteY112" fmla="*/ 6474347 h 6857967"/>
              <a:gd name="connsiteX113" fmla="*/ 5048236 w 12191941"/>
              <a:gd name="connsiteY113" fmla="*/ 6545648 h 6857967"/>
              <a:gd name="connsiteX114" fmla="*/ 5119527 w 12191941"/>
              <a:gd name="connsiteY114" fmla="*/ 6545648 h 6857967"/>
              <a:gd name="connsiteX115" fmla="*/ 5119527 w 12191941"/>
              <a:gd name="connsiteY115" fmla="*/ 6474347 h 6857967"/>
              <a:gd name="connsiteX116" fmla="*/ 4906607 w 12191941"/>
              <a:gd name="connsiteY116" fmla="*/ 6474347 h 6857967"/>
              <a:gd name="connsiteX117" fmla="*/ 4906607 w 12191941"/>
              <a:gd name="connsiteY117" fmla="*/ 6545648 h 6857967"/>
              <a:gd name="connsiteX118" fmla="*/ 4977916 w 12191941"/>
              <a:gd name="connsiteY118" fmla="*/ 6545648 h 6857967"/>
              <a:gd name="connsiteX119" fmla="*/ 4977916 w 12191941"/>
              <a:gd name="connsiteY119" fmla="*/ 6474347 h 6857967"/>
              <a:gd name="connsiteX120" fmla="*/ 4764013 w 12191941"/>
              <a:gd name="connsiteY120" fmla="*/ 6474347 h 6857967"/>
              <a:gd name="connsiteX121" fmla="*/ 4764013 w 12191941"/>
              <a:gd name="connsiteY121" fmla="*/ 6545648 h 6857967"/>
              <a:gd name="connsiteX122" fmla="*/ 4835311 w 12191941"/>
              <a:gd name="connsiteY122" fmla="*/ 6545648 h 6857967"/>
              <a:gd name="connsiteX123" fmla="*/ 4835311 w 12191941"/>
              <a:gd name="connsiteY123" fmla="*/ 6474347 h 6857967"/>
              <a:gd name="connsiteX124" fmla="*/ 4621341 w 12191941"/>
              <a:gd name="connsiteY124" fmla="*/ 6474347 h 6857967"/>
              <a:gd name="connsiteX125" fmla="*/ 4621341 w 12191941"/>
              <a:gd name="connsiteY125" fmla="*/ 6545648 h 6857967"/>
              <a:gd name="connsiteX126" fmla="*/ 4692639 w 12191941"/>
              <a:gd name="connsiteY126" fmla="*/ 6545648 h 6857967"/>
              <a:gd name="connsiteX127" fmla="*/ 4692639 w 12191941"/>
              <a:gd name="connsiteY127" fmla="*/ 6474347 h 6857967"/>
              <a:gd name="connsiteX128" fmla="*/ 4478666 w 12191941"/>
              <a:gd name="connsiteY128" fmla="*/ 6474347 h 6857967"/>
              <a:gd name="connsiteX129" fmla="*/ 4478666 w 12191941"/>
              <a:gd name="connsiteY129" fmla="*/ 6545648 h 6857967"/>
              <a:gd name="connsiteX130" fmla="*/ 4549969 w 12191941"/>
              <a:gd name="connsiteY130" fmla="*/ 6545648 h 6857967"/>
              <a:gd name="connsiteX131" fmla="*/ 4549969 w 12191941"/>
              <a:gd name="connsiteY131" fmla="*/ 6474347 h 6857967"/>
              <a:gd name="connsiteX132" fmla="*/ 4336061 w 12191941"/>
              <a:gd name="connsiteY132" fmla="*/ 6474347 h 6857967"/>
              <a:gd name="connsiteX133" fmla="*/ 4336061 w 12191941"/>
              <a:gd name="connsiteY133" fmla="*/ 6545648 h 6857967"/>
              <a:gd name="connsiteX134" fmla="*/ 4407362 w 12191941"/>
              <a:gd name="connsiteY134" fmla="*/ 6545648 h 6857967"/>
              <a:gd name="connsiteX135" fmla="*/ 4407362 w 12191941"/>
              <a:gd name="connsiteY135" fmla="*/ 6474347 h 6857967"/>
              <a:gd name="connsiteX136" fmla="*/ 4193412 w 12191941"/>
              <a:gd name="connsiteY136" fmla="*/ 6474347 h 6857967"/>
              <a:gd name="connsiteX137" fmla="*/ 4193412 w 12191941"/>
              <a:gd name="connsiteY137" fmla="*/ 6545648 h 6857967"/>
              <a:gd name="connsiteX138" fmla="*/ 4264695 w 12191941"/>
              <a:gd name="connsiteY138" fmla="*/ 6545648 h 6857967"/>
              <a:gd name="connsiteX139" fmla="*/ 4264695 w 12191941"/>
              <a:gd name="connsiteY139" fmla="*/ 6474347 h 6857967"/>
              <a:gd name="connsiteX140" fmla="*/ 4050809 w 12191941"/>
              <a:gd name="connsiteY140" fmla="*/ 6474347 h 6857967"/>
              <a:gd name="connsiteX141" fmla="*/ 4050809 w 12191941"/>
              <a:gd name="connsiteY141" fmla="*/ 6545648 h 6857967"/>
              <a:gd name="connsiteX142" fmla="*/ 4122113 w 12191941"/>
              <a:gd name="connsiteY142" fmla="*/ 6545648 h 6857967"/>
              <a:gd name="connsiteX143" fmla="*/ 4122113 w 12191941"/>
              <a:gd name="connsiteY143" fmla="*/ 6474347 h 6857967"/>
              <a:gd name="connsiteX144" fmla="*/ 3908136 w 12191941"/>
              <a:gd name="connsiteY144" fmla="*/ 6474347 h 6857967"/>
              <a:gd name="connsiteX145" fmla="*/ 3908136 w 12191941"/>
              <a:gd name="connsiteY145" fmla="*/ 6545648 h 6857967"/>
              <a:gd name="connsiteX146" fmla="*/ 3979438 w 12191941"/>
              <a:gd name="connsiteY146" fmla="*/ 6545648 h 6857967"/>
              <a:gd name="connsiteX147" fmla="*/ 3979438 w 12191941"/>
              <a:gd name="connsiteY147" fmla="*/ 6474347 h 6857967"/>
              <a:gd name="connsiteX148" fmla="*/ 3765462 w 12191941"/>
              <a:gd name="connsiteY148" fmla="*/ 6474347 h 6857967"/>
              <a:gd name="connsiteX149" fmla="*/ 3765462 w 12191941"/>
              <a:gd name="connsiteY149" fmla="*/ 6545648 h 6857967"/>
              <a:gd name="connsiteX150" fmla="*/ 3836763 w 12191941"/>
              <a:gd name="connsiteY150" fmla="*/ 6545648 h 6857967"/>
              <a:gd name="connsiteX151" fmla="*/ 3836763 w 12191941"/>
              <a:gd name="connsiteY151" fmla="*/ 6474347 h 6857967"/>
              <a:gd name="connsiteX152" fmla="*/ 3622851 w 12191941"/>
              <a:gd name="connsiteY152" fmla="*/ 6474347 h 6857967"/>
              <a:gd name="connsiteX153" fmla="*/ 3622851 w 12191941"/>
              <a:gd name="connsiteY153" fmla="*/ 6545648 h 6857967"/>
              <a:gd name="connsiteX154" fmla="*/ 3694151 w 12191941"/>
              <a:gd name="connsiteY154" fmla="*/ 6545648 h 6857967"/>
              <a:gd name="connsiteX155" fmla="*/ 3694151 w 12191941"/>
              <a:gd name="connsiteY155" fmla="*/ 6474347 h 6857967"/>
              <a:gd name="connsiteX156" fmla="*/ 3480203 w 12191941"/>
              <a:gd name="connsiteY156" fmla="*/ 6474347 h 6857967"/>
              <a:gd name="connsiteX157" fmla="*/ 3480203 w 12191941"/>
              <a:gd name="connsiteY157" fmla="*/ 6545648 h 6857967"/>
              <a:gd name="connsiteX158" fmla="*/ 3551509 w 12191941"/>
              <a:gd name="connsiteY158" fmla="*/ 6545648 h 6857967"/>
              <a:gd name="connsiteX159" fmla="*/ 3551509 w 12191941"/>
              <a:gd name="connsiteY159" fmla="*/ 6474347 h 6857967"/>
              <a:gd name="connsiteX160" fmla="*/ 3337579 w 12191941"/>
              <a:gd name="connsiteY160" fmla="*/ 6474347 h 6857967"/>
              <a:gd name="connsiteX161" fmla="*/ 3337579 w 12191941"/>
              <a:gd name="connsiteY161" fmla="*/ 6545648 h 6857967"/>
              <a:gd name="connsiteX162" fmla="*/ 3408880 w 12191941"/>
              <a:gd name="connsiteY162" fmla="*/ 6545648 h 6857967"/>
              <a:gd name="connsiteX163" fmla="*/ 3408880 w 12191941"/>
              <a:gd name="connsiteY163" fmla="*/ 6474347 h 6857967"/>
              <a:gd name="connsiteX164" fmla="*/ 3194905 w 12191941"/>
              <a:gd name="connsiteY164" fmla="*/ 6474347 h 6857967"/>
              <a:gd name="connsiteX165" fmla="*/ 3194905 w 12191941"/>
              <a:gd name="connsiteY165" fmla="*/ 6545648 h 6857967"/>
              <a:gd name="connsiteX166" fmla="*/ 3266206 w 12191941"/>
              <a:gd name="connsiteY166" fmla="*/ 6545648 h 6857967"/>
              <a:gd name="connsiteX167" fmla="*/ 3266206 w 12191941"/>
              <a:gd name="connsiteY167" fmla="*/ 6474347 h 6857967"/>
              <a:gd name="connsiteX168" fmla="*/ 3052304 w 12191941"/>
              <a:gd name="connsiteY168" fmla="*/ 6474347 h 6857967"/>
              <a:gd name="connsiteX169" fmla="*/ 3052304 w 12191941"/>
              <a:gd name="connsiteY169" fmla="*/ 6545648 h 6857967"/>
              <a:gd name="connsiteX170" fmla="*/ 3123606 w 12191941"/>
              <a:gd name="connsiteY170" fmla="*/ 6545648 h 6857967"/>
              <a:gd name="connsiteX171" fmla="*/ 3123606 w 12191941"/>
              <a:gd name="connsiteY171" fmla="*/ 6474347 h 6857967"/>
              <a:gd name="connsiteX172" fmla="*/ 2909633 w 12191941"/>
              <a:gd name="connsiteY172" fmla="*/ 6474347 h 6857967"/>
              <a:gd name="connsiteX173" fmla="*/ 2909633 w 12191941"/>
              <a:gd name="connsiteY173" fmla="*/ 6545648 h 6857967"/>
              <a:gd name="connsiteX174" fmla="*/ 2980934 w 12191941"/>
              <a:gd name="connsiteY174" fmla="*/ 6545648 h 6857967"/>
              <a:gd name="connsiteX175" fmla="*/ 2980934 w 12191941"/>
              <a:gd name="connsiteY175" fmla="*/ 6474347 h 6857967"/>
              <a:gd name="connsiteX176" fmla="*/ 2767033 w 12191941"/>
              <a:gd name="connsiteY176" fmla="*/ 6474347 h 6857967"/>
              <a:gd name="connsiteX177" fmla="*/ 2767033 w 12191941"/>
              <a:gd name="connsiteY177" fmla="*/ 6545648 h 6857967"/>
              <a:gd name="connsiteX178" fmla="*/ 2838334 w 12191941"/>
              <a:gd name="connsiteY178" fmla="*/ 6545648 h 6857967"/>
              <a:gd name="connsiteX179" fmla="*/ 2838334 w 12191941"/>
              <a:gd name="connsiteY179" fmla="*/ 6474347 h 6857967"/>
              <a:gd name="connsiteX180" fmla="*/ 2624360 w 12191941"/>
              <a:gd name="connsiteY180" fmla="*/ 6474347 h 6857967"/>
              <a:gd name="connsiteX181" fmla="*/ 2624360 w 12191941"/>
              <a:gd name="connsiteY181" fmla="*/ 6545648 h 6857967"/>
              <a:gd name="connsiteX182" fmla="*/ 2695661 w 12191941"/>
              <a:gd name="connsiteY182" fmla="*/ 6545648 h 6857967"/>
              <a:gd name="connsiteX183" fmla="*/ 2695661 w 12191941"/>
              <a:gd name="connsiteY183" fmla="*/ 6474347 h 6857967"/>
              <a:gd name="connsiteX184" fmla="*/ 2481690 w 12191941"/>
              <a:gd name="connsiteY184" fmla="*/ 6474347 h 6857967"/>
              <a:gd name="connsiteX185" fmla="*/ 2481690 w 12191941"/>
              <a:gd name="connsiteY185" fmla="*/ 6545648 h 6857967"/>
              <a:gd name="connsiteX186" fmla="*/ 2552990 w 12191941"/>
              <a:gd name="connsiteY186" fmla="*/ 6545648 h 6857967"/>
              <a:gd name="connsiteX187" fmla="*/ 2552990 w 12191941"/>
              <a:gd name="connsiteY187" fmla="*/ 6474347 h 6857967"/>
              <a:gd name="connsiteX188" fmla="*/ 2339090 w 12191941"/>
              <a:gd name="connsiteY188" fmla="*/ 6474347 h 6857967"/>
              <a:gd name="connsiteX189" fmla="*/ 2339090 w 12191941"/>
              <a:gd name="connsiteY189" fmla="*/ 6545648 h 6857967"/>
              <a:gd name="connsiteX190" fmla="*/ 2410390 w 12191941"/>
              <a:gd name="connsiteY190" fmla="*/ 6545648 h 6857967"/>
              <a:gd name="connsiteX191" fmla="*/ 2410390 w 12191941"/>
              <a:gd name="connsiteY191" fmla="*/ 6474347 h 6857967"/>
              <a:gd name="connsiteX192" fmla="*/ 2196420 w 12191941"/>
              <a:gd name="connsiteY192" fmla="*/ 6474347 h 6857967"/>
              <a:gd name="connsiteX193" fmla="*/ 2196420 w 12191941"/>
              <a:gd name="connsiteY193" fmla="*/ 6545648 h 6857967"/>
              <a:gd name="connsiteX194" fmla="*/ 2267720 w 12191941"/>
              <a:gd name="connsiteY194" fmla="*/ 6545648 h 6857967"/>
              <a:gd name="connsiteX195" fmla="*/ 2267720 w 12191941"/>
              <a:gd name="connsiteY195" fmla="*/ 6474347 h 6857967"/>
              <a:gd name="connsiteX196" fmla="*/ 2053813 w 12191941"/>
              <a:gd name="connsiteY196" fmla="*/ 6474347 h 6857967"/>
              <a:gd name="connsiteX197" fmla="*/ 2053813 w 12191941"/>
              <a:gd name="connsiteY197" fmla="*/ 6545648 h 6857967"/>
              <a:gd name="connsiteX198" fmla="*/ 2125117 w 12191941"/>
              <a:gd name="connsiteY198" fmla="*/ 6545648 h 6857967"/>
              <a:gd name="connsiteX199" fmla="*/ 2125117 w 12191941"/>
              <a:gd name="connsiteY199" fmla="*/ 6474347 h 6857967"/>
              <a:gd name="connsiteX200" fmla="*/ 1911141 w 12191941"/>
              <a:gd name="connsiteY200" fmla="*/ 6474347 h 6857967"/>
              <a:gd name="connsiteX201" fmla="*/ 1911141 w 12191941"/>
              <a:gd name="connsiteY201" fmla="*/ 6545648 h 6857967"/>
              <a:gd name="connsiteX202" fmla="*/ 1982442 w 12191941"/>
              <a:gd name="connsiteY202" fmla="*/ 6545648 h 6857967"/>
              <a:gd name="connsiteX203" fmla="*/ 1982442 w 12191941"/>
              <a:gd name="connsiteY203" fmla="*/ 6474347 h 6857967"/>
              <a:gd name="connsiteX204" fmla="*/ 1768470 w 12191941"/>
              <a:gd name="connsiteY204" fmla="*/ 6474347 h 6857967"/>
              <a:gd name="connsiteX205" fmla="*/ 1768470 w 12191941"/>
              <a:gd name="connsiteY205" fmla="*/ 6545648 h 6857967"/>
              <a:gd name="connsiteX206" fmla="*/ 1839771 w 12191941"/>
              <a:gd name="connsiteY206" fmla="*/ 6545648 h 6857967"/>
              <a:gd name="connsiteX207" fmla="*/ 1839771 w 12191941"/>
              <a:gd name="connsiteY207" fmla="*/ 6474347 h 6857967"/>
              <a:gd name="connsiteX208" fmla="*/ 1625870 w 12191941"/>
              <a:gd name="connsiteY208" fmla="*/ 6474347 h 6857967"/>
              <a:gd name="connsiteX209" fmla="*/ 1625870 w 12191941"/>
              <a:gd name="connsiteY209" fmla="*/ 6545648 h 6857967"/>
              <a:gd name="connsiteX210" fmla="*/ 1697170 w 12191941"/>
              <a:gd name="connsiteY210" fmla="*/ 6545648 h 6857967"/>
              <a:gd name="connsiteX211" fmla="*/ 1697170 w 12191941"/>
              <a:gd name="connsiteY211" fmla="*/ 6474347 h 6857967"/>
              <a:gd name="connsiteX212" fmla="*/ 1483199 w 12191941"/>
              <a:gd name="connsiteY212" fmla="*/ 6474347 h 6857967"/>
              <a:gd name="connsiteX213" fmla="*/ 1483199 w 12191941"/>
              <a:gd name="connsiteY213" fmla="*/ 6545648 h 6857967"/>
              <a:gd name="connsiteX214" fmla="*/ 1554500 w 12191941"/>
              <a:gd name="connsiteY214" fmla="*/ 6545648 h 6857967"/>
              <a:gd name="connsiteX215" fmla="*/ 1554500 w 12191941"/>
              <a:gd name="connsiteY215" fmla="*/ 6474347 h 6857967"/>
              <a:gd name="connsiteX216" fmla="*/ 1340599 w 12191941"/>
              <a:gd name="connsiteY216" fmla="*/ 6474347 h 6857967"/>
              <a:gd name="connsiteX217" fmla="*/ 1340599 w 12191941"/>
              <a:gd name="connsiteY217" fmla="*/ 6545648 h 6857967"/>
              <a:gd name="connsiteX218" fmla="*/ 1411899 w 12191941"/>
              <a:gd name="connsiteY218" fmla="*/ 6545648 h 6857967"/>
              <a:gd name="connsiteX219" fmla="*/ 1411899 w 12191941"/>
              <a:gd name="connsiteY219" fmla="*/ 6474347 h 6857967"/>
              <a:gd name="connsiteX220" fmla="*/ 1197929 w 12191941"/>
              <a:gd name="connsiteY220" fmla="*/ 6474347 h 6857967"/>
              <a:gd name="connsiteX221" fmla="*/ 1197929 w 12191941"/>
              <a:gd name="connsiteY221" fmla="*/ 6545648 h 6857967"/>
              <a:gd name="connsiteX222" fmla="*/ 1269230 w 12191941"/>
              <a:gd name="connsiteY222" fmla="*/ 6545648 h 6857967"/>
              <a:gd name="connsiteX223" fmla="*/ 1269230 w 12191941"/>
              <a:gd name="connsiteY223" fmla="*/ 6474347 h 6857967"/>
              <a:gd name="connsiteX224" fmla="*/ 1055311 w 12191941"/>
              <a:gd name="connsiteY224" fmla="*/ 6474347 h 6857967"/>
              <a:gd name="connsiteX225" fmla="*/ 1055311 w 12191941"/>
              <a:gd name="connsiteY225" fmla="*/ 6545648 h 6857967"/>
              <a:gd name="connsiteX226" fmla="*/ 1126612 w 12191941"/>
              <a:gd name="connsiteY226" fmla="*/ 6545648 h 6857967"/>
              <a:gd name="connsiteX227" fmla="*/ 1126612 w 12191941"/>
              <a:gd name="connsiteY227" fmla="*/ 6474347 h 6857967"/>
              <a:gd name="connsiteX228" fmla="*/ 912657 w 12191941"/>
              <a:gd name="connsiteY228" fmla="*/ 6474347 h 6857967"/>
              <a:gd name="connsiteX229" fmla="*/ 912657 w 12191941"/>
              <a:gd name="connsiteY229" fmla="*/ 6545648 h 6857967"/>
              <a:gd name="connsiteX230" fmla="*/ 983958 w 12191941"/>
              <a:gd name="connsiteY230" fmla="*/ 6545648 h 6857967"/>
              <a:gd name="connsiteX231" fmla="*/ 983958 w 12191941"/>
              <a:gd name="connsiteY231" fmla="*/ 6474347 h 6857967"/>
              <a:gd name="connsiteX232" fmla="*/ 771135 w 12191941"/>
              <a:gd name="connsiteY232" fmla="*/ 6474347 h 6857967"/>
              <a:gd name="connsiteX233" fmla="*/ 771135 w 12191941"/>
              <a:gd name="connsiteY233" fmla="*/ 6545648 h 6857967"/>
              <a:gd name="connsiteX234" fmla="*/ 842436 w 12191941"/>
              <a:gd name="connsiteY234" fmla="*/ 6545648 h 6857967"/>
              <a:gd name="connsiteX235" fmla="*/ 842436 w 12191941"/>
              <a:gd name="connsiteY235" fmla="*/ 6474347 h 6857967"/>
              <a:gd name="connsiteX236" fmla="*/ 628534 w 12191941"/>
              <a:gd name="connsiteY236" fmla="*/ 6474347 h 6857967"/>
              <a:gd name="connsiteX237" fmla="*/ 628534 w 12191941"/>
              <a:gd name="connsiteY237" fmla="*/ 6545648 h 6857967"/>
              <a:gd name="connsiteX238" fmla="*/ 699835 w 12191941"/>
              <a:gd name="connsiteY238" fmla="*/ 6545648 h 6857967"/>
              <a:gd name="connsiteX239" fmla="*/ 699835 w 12191941"/>
              <a:gd name="connsiteY239" fmla="*/ 6474347 h 6857967"/>
              <a:gd name="connsiteX240" fmla="*/ 485863 w 12191941"/>
              <a:gd name="connsiteY240" fmla="*/ 6474347 h 6857967"/>
              <a:gd name="connsiteX241" fmla="*/ 485863 w 12191941"/>
              <a:gd name="connsiteY241" fmla="*/ 6545648 h 6857967"/>
              <a:gd name="connsiteX242" fmla="*/ 557163 w 12191941"/>
              <a:gd name="connsiteY242" fmla="*/ 6545648 h 6857967"/>
              <a:gd name="connsiteX243" fmla="*/ 557163 w 12191941"/>
              <a:gd name="connsiteY243" fmla="*/ 6474347 h 6857967"/>
              <a:gd name="connsiteX244" fmla="*/ 343191 w 12191941"/>
              <a:gd name="connsiteY244" fmla="*/ 6474347 h 6857967"/>
              <a:gd name="connsiteX245" fmla="*/ 343191 w 12191941"/>
              <a:gd name="connsiteY245" fmla="*/ 6545648 h 6857967"/>
              <a:gd name="connsiteX246" fmla="*/ 414492 w 12191941"/>
              <a:gd name="connsiteY246" fmla="*/ 6545648 h 6857967"/>
              <a:gd name="connsiteX247" fmla="*/ 414492 w 12191941"/>
              <a:gd name="connsiteY247" fmla="*/ 6474347 h 6857967"/>
              <a:gd name="connsiteX248" fmla="*/ 200587 w 12191941"/>
              <a:gd name="connsiteY248" fmla="*/ 6474347 h 6857967"/>
              <a:gd name="connsiteX249" fmla="*/ 200587 w 12191941"/>
              <a:gd name="connsiteY249" fmla="*/ 6545648 h 6857967"/>
              <a:gd name="connsiteX250" fmla="*/ 271888 w 12191941"/>
              <a:gd name="connsiteY250" fmla="*/ 6545648 h 6857967"/>
              <a:gd name="connsiteX251" fmla="*/ 271888 w 12191941"/>
              <a:gd name="connsiteY251" fmla="*/ 6474347 h 6857967"/>
              <a:gd name="connsiteX252" fmla="*/ 57918 w 12191941"/>
              <a:gd name="connsiteY252" fmla="*/ 6474347 h 6857967"/>
              <a:gd name="connsiteX253" fmla="*/ 57918 w 12191941"/>
              <a:gd name="connsiteY253" fmla="*/ 6545648 h 6857967"/>
              <a:gd name="connsiteX254" fmla="*/ 129219 w 12191941"/>
              <a:gd name="connsiteY254" fmla="*/ 6545648 h 6857967"/>
              <a:gd name="connsiteX255" fmla="*/ 129219 w 12191941"/>
              <a:gd name="connsiteY255" fmla="*/ 6474347 h 6857967"/>
              <a:gd name="connsiteX256" fmla="*/ 10040665 w 12191941"/>
              <a:gd name="connsiteY256" fmla="*/ 6325709 h 6857967"/>
              <a:gd name="connsiteX257" fmla="*/ 10040665 w 12191941"/>
              <a:gd name="connsiteY257" fmla="*/ 6397010 h 6857967"/>
              <a:gd name="connsiteX258" fmla="*/ 10111966 w 12191941"/>
              <a:gd name="connsiteY258" fmla="*/ 6397010 h 6857967"/>
              <a:gd name="connsiteX259" fmla="*/ 10111966 w 12191941"/>
              <a:gd name="connsiteY259" fmla="*/ 6325709 h 6857967"/>
              <a:gd name="connsiteX260" fmla="*/ 9898063 w 12191941"/>
              <a:gd name="connsiteY260" fmla="*/ 6325709 h 6857967"/>
              <a:gd name="connsiteX261" fmla="*/ 9898063 w 12191941"/>
              <a:gd name="connsiteY261" fmla="*/ 6397010 h 6857967"/>
              <a:gd name="connsiteX262" fmla="*/ 9969363 w 12191941"/>
              <a:gd name="connsiteY262" fmla="*/ 6397010 h 6857967"/>
              <a:gd name="connsiteX263" fmla="*/ 9969363 w 12191941"/>
              <a:gd name="connsiteY263" fmla="*/ 6325709 h 6857967"/>
              <a:gd name="connsiteX264" fmla="*/ 9755391 w 12191941"/>
              <a:gd name="connsiteY264" fmla="*/ 6325709 h 6857967"/>
              <a:gd name="connsiteX265" fmla="*/ 9755391 w 12191941"/>
              <a:gd name="connsiteY265" fmla="*/ 6397010 h 6857967"/>
              <a:gd name="connsiteX266" fmla="*/ 9826692 w 12191941"/>
              <a:gd name="connsiteY266" fmla="*/ 6397010 h 6857967"/>
              <a:gd name="connsiteX267" fmla="*/ 9826692 w 12191941"/>
              <a:gd name="connsiteY267" fmla="*/ 6325709 h 6857967"/>
              <a:gd name="connsiteX268" fmla="*/ 9612718 w 12191941"/>
              <a:gd name="connsiteY268" fmla="*/ 6325709 h 6857967"/>
              <a:gd name="connsiteX269" fmla="*/ 9612718 w 12191941"/>
              <a:gd name="connsiteY269" fmla="*/ 6397010 h 6857967"/>
              <a:gd name="connsiteX270" fmla="*/ 9684019 w 12191941"/>
              <a:gd name="connsiteY270" fmla="*/ 6397010 h 6857967"/>
              <a:gd name="connsiteX271" fmla="*/ 9684019 w 12191941"/>
              <a:gd name="connsiteY271" fmla="*/ 6325709 h 6857967"/>
              <a:gd name="connsiteX272" fmla="*/ 9470117 w 12191941"/>
              <a:gd name="connsiteY272" fmla="*/ 6325709 h 6857967"/>
              <a:gd name="connsiteX273" fmla="*/ 9470117 w 12191941"/>
              <a:gd name="connsiteY273" fmla="*/ 6397010 h 6857967"/>
              <a:gd name="connsiteX274" fmla="*/ 9541417 w 12191941"/>
              <a:gd name="connsiteY274" fmla="*/ 6397010 h 6857967"/>
              <a:gd name="connsiteX275" fmla="*/ 9541417 w 12191941"/>
              <a:gd name="connsiteY275" fmla="*/ 6325709 h 6857967"/>
              <a:gd name="connsiteX276" fmla="*/ 9327444 w 12191941"/>
              <a:gd name="connsiteY276" fmla="*/ 6325709 h 6857967"/>
              <a:gd name="connsiteX277" fmla="*/ 9327444 w 12191941"/>
              <a:gd name="connsiteY277" fmla="*/ 6397010 h 6857967"/>
              <a:gd name="connsiteX278" fmla="*/ 9398745 w 12191941"/>
              <a:gd name="connsiteY278" fmla="*/ 6397010 h 6857967"/>
              <a:gd name="connsiteX279" fmla="*/ 9398745 w 12191941"/>
              <a:gd name="connsiteY279" fmla="*/ 6325709 h 6857967"/>
              <a:gd name="connsiteX280" fmla="*/ 9184842 w 12191941"/>
              <a:gd name="connsiteY280" fmla="*/ 6325709 h 6857967"/>
              <a:gd name="connsiteX281" fmla="*/ 9184842 w 12191941"/>
              <a:gd name="connsiteY281" fmla="*/ 6397010 h 6857967"/>
              <a:gd name="connsiteX282" fmla="*/ 9256143 w 12191941"/>
              <a:gd name="connsiteY282" fmla="*/ 6397010 h 6857967"/>
              <a:gd name="connsiteX283" fmla="*/ 9256143 w 12191941"/>
              <a:gd name="connsiteY283" fmla="*/ 6325709 h 6857967"/>
              <a:gd name="connsiteX284" fmla="*/ 9042170 w 12191941"/>
              <a:gd name="connsiteY284" fmla="*/ 6325709 h 6857967"/>
              <a:gd name="connsiteX285" fmla="*/ 9042170 w 12191941"/>
              <a:gd name="connsiteY285" fmla="*/ 6397010 h 6857967"/>
              <a:gd name="connsiteX286" fmla="*/ 9113471 w 12191941"/>
              <a:gd name="connsiteY286" fmla="*/ 6397010 h 6857967"/>
              <a:gd name="connsiteX287" fmla="*/ 9113471 w 12191941"/>
              <a:gd name="connsiteY287" fmla="*/ 6325709 h 6857967"/>
              <a:gd name="connsiteX288" fmla="*/ 8899568 w 12191941"/>
              <a:gd name="connsiteY288" fmla="*/ 6325709 h 6857967"/>
              <a:gd name="connsiteX289" fmla="*/ 8899568 w 12191941"/>
              <a:gd name="connsiteY289" fmla="*/ 6397010 h 6857967"/>
              <a:gd name="connsiteX290" fmla="*/ 8970869 w 12191941"/>
              <a:gd name="connsiteY290" fmla="*/ 6397010 h 6857967"/>
              <a:gd name="connsiteX291" fmla="*/ 8970869 w 12191941"/>
              <a:gd name="connsiteY291" fmla="*/ 6325709 h 6857967"/>
              <a:gd name="connsiteX292" fmla="*/ 8756896 w 12191941"/>
              <a:gd name="connsiteY292" fmla="*/ 6325709 h 6857967"/>
              <a:gd name="connsiteX293" fmla="*/ 8756896 w 12191941"/>
              <a:gd name="connsiteY293" fmla="*/ 6397010 h 6857967"/>
              <a:gd name="connsiteX294" fmla="*/ 8828196 w 12191941"/>
              <a:gd name="connsiteY294" fmla="*/ 6397010 h 6857967"/>
              <a:gd name="connsiteX295" fmla="*/ 8828196 w 12191941"/>
              <a:gd name="connsiteY295" fmla="*/ 6325709 h 6857967"/>
              <a:gd name="connsiteX296" fmla="*/ 8614223 w 12191941"/>
              <a:gd name="connsiteY296" fmla="*/ 6325709 h 6857967"/>
              <a:gd name="connsiteX297" fmla="*/ 8614223 w 12191941"/>
              <a:gd name="connsiteY297" fmla="*/ 6397010 h 6857967"/>
              <a:gd name="connsiteX298" fmla="*/ 8685524 w 12191941"/>
              <a:gd name="connsiteY298" fmla="*/ 6397010 h 6857967"/>
              <a:gd name="connsiteX299" fmla="*/ 8685524 w 12191941"/>
              <a:gd name="connsiteY299" fmla="*/ 6325709 h 6857967"/>
              <a:gd name="connsiteX300" fmla="*/ 8471622 w 12191941"/>
              <a:gd name="connsiteY300" fmla="*/ 6325709 h 6857967"/>
              <a:gd name="connsiteX301" fmla="*/ 8471622 w 12191941"/>
              <a:gd name="connsiteY301" fmla="*/ 6397010 h 6857967"/>
              <a:gd name="connsiteX302" fmla="*/ 8542923 w 12191941"/>
              <a:gd name="connsiteY302" fmla="*/ 6397010 h 6857967"/>
              <a:gd name="connsiteX303" fmla="*/ 8542923 w 12191941"/>
              <a:gd name="connsiteY303" fmla="*/ 6325709 h 6857967"/>
              <a:gd name="connsiteX304" fmla="*/ 8328949 w 12191941"/>
              <a:gd name="connsiteY304" fmla="*/ 6325709 h 6857967"/>
              <a:gd name="connsiteX305" fmla="*/ 8328949 w 12191941"/>
              <a:gd name="connsiteY305" fmla="*/ 6397010 h 6857967"/>
              <a:gd name="connsiteX306" fmla="*/ 8400250 w 12191941"/>
              <a:gd name="connsiteY306" fmla="*/ 6397010 h 6857967"/>
              <a:gd name="connsiteX307" fmla="*/ 8400250 w 12191941"/>
              <a:gd name="connsiteY307" fmla="*/ 6325709 h 6857967"/>
              <a:gd name="connsiteX308" fmla="*/ 8186348 w 12191941"/>
              <a:gd name="connsiteY308" fmla="*/ 6325709 h 6857967"/>
              <a:gd name="connsiteX309" fmla="*/ 8186348 w 12191941"/>
              <a:gd name="connsiteY309" fmla="*/ 6397010 h 6857967"/>
              <a:gd name="connsiteX310" fmla="*/ 8257649 w 12191941"/>
              <a:gd name="connsiteY310" fmla="*/ 6397010 h 6857967"/>
              <a:gd name="connsiteX311" fmla="*/ 8257649 w 12191941"/>
              <a:gd name="connsiteY311" fmla="*/ 6325709 h 6857967"/>
              <a:gd name="connsiteX312" fmla="*/ 8043675 w 12191941"/>
              <a:gd name="connsiteY312" fmla="*/ 6325709 h 6857967"/>
              <a:gd name="connsiteX313" fmla="*/ 8043675 w 12191941"/>
              <a:gd name="connsiteY313" fmla="*/ 6397010 h 6857967"/>
              <a:gd name="connsiteX314" fmla="*/ 8114976 w 12191941"/>
              <a:gd name="connsiteY314" fmla="*/ 6397010 h 6857967"/>
              <a:gd name="connsiteX315" fmla="*/ 8114976 w 12191941"/>
              <a:gd name="connsiteY315" fmla="*/ 6325709 h 6857967"/>
              <a:gd name="connsiteX316" fmla="*/ 7901003 w 12191941"/>
              <a:gd name="connsiteY316" fmla="*/ 6325709 h 6857967"/>
              <a:gd name="connsiteX317" fmla="*/ 7901003 w 12191941"/>
              <a:gd name="connsiteY317" fmla="*/ 6397010 h 6857967"/>
              <a:gd name="connsiteX318" fmla="*/ 7972304 w 12191941"/>
              <a:gd name="connsiteY318" fmla="*/ 6397010 h 6857967"/>
              <a:gd name="connsiteX319" fmla="*/ 7972304 w 12191941"/>
              <a:gd name="connsiteY319" fmla="*/ 6325709 h 6857967"/>
              <a:gd name="connsiteX320" fmla="*/ 7758401 w 12191941"/>
              <a:gd name="connsiteY320" fmla="*/ 6325709 h 6857967"/>
              <a:gd name="connsiteX321" fmla="*/ 7758401 w 12191941"/>
              <a:gd name="connsiteY321" fmla="*/ 6397010 h 6857967"/>
              <a:gd name="connsiteX322" fmla="*/ 7829702 w 12191941"/>
              <a:gd name="connsiteY322" fmla="*/ 6397010 h 6857967"/>
              <a:gd name="connsiteX323" fmla="*/ 7829702 w 12191941"/>
              <a:gd name="connsiteY323" fmla="*/ 6325709 h 6857967"/>
              <a:gd name="connsiteX324" fmla="*/ 7615728 w 12191941"/>
              <a:gd name="connsiteY324" fmla="*/ 6325709 h 6857967"/>
              <a:gd name="connsiteX325" fmla="*/ 7615728 w 12191941"/>
              <a:gd name="connsiteY325" fmla="*/ 6397010 h 6857967"/>
              <a:gd name="connsiteX326" fmla="*/ 7687029 w 12191941"/>
              <a:gd name="connsiteY326" fmla="*/ 6397010 h 6857967"/>
              <a:gd name="connsiteX327" fmla="*/ 7687029 w 12191941"/>
              <a:gd name="connsiteY327" fmla="*/ 6325709 h 6857967"/>
              <a:gd name="connsiteX328" fmla="*/ 7473127 w 12191941"/>
              <a:gd name="connsiteY328" fmla="*/ 6325709 h 6857967"/>
              <a:gd name="connsiteX329" fmla="*/ 7473127 w 12191941"/>
              <a:gd name="connsiteY329" fmla="*/ 6397010 h 6857967"/>
              <a:gd name="connsiteX330" fmla="*/ 7544428 w 12191941"/>
              <a:gd name="connsiteY330" fmla="*/ 6397010 h 6857967"/>
              <a:gd name="connsiteX331" fmla="*/ 7544428 w 12191941"/>
              <a:gd name="connsiteY331" fmla="*/ 6325709 h 6857967"/>
              <a:gd name="connsiteX332" fmla="*/ 7330454 w 12191941"/>
              <a:gd name="connsiteY332" fmla="*/ 6325709 h 6857967"/>
              <a:gd name="connsiteX333" fmla="*/ 7330454 w 12191941"/>
              <a:gd name="connsiteY333" fmla="*/ 6397010 h 6857967"/>
              <a:gd name="connsiteX334" fmla="*/ 7401755 w 12191941"/>
              <a:gd name="connsiteY334" fmla="*/ 6397010 h 6857967"/>
              <a:gd name="connsiteX335" fmla="*/ 7401755 w 12191941"/>
              <a:gd name="connsiteY335" fmla="*/ 6325709 h 6857967"/>
              <a:gd name="connsiteX336" fmla="*/ 7187853 w 12191941"/>
              <a:gd name="connsiteY336" fmla="*/ 6325709 h 6857967"/>
              <a:gd name="connsiteX337" fmla="*/ 7187853 w 12191941"/>
              <a:gd name="connsiteY337" fmla="*/ 6397010 h 6857967"/>
              <a:gd name="connsiteX338" fmla="*/ 7259154 w 12191941"/>
              <a:gd name="connsiteY338" fmla="*/ 6397010 h 6857967"/>
              <a:gd name="connsiteX339" fmla="*/ 7259154 w 12191941"/>
              <a:gd name="connsiteY339" fmla="*/ 6325709 h 6857967"/>
              <a:gd name="connsiteX340" fmla="*/ 7045180 w 12191941"/>
              <a:gd name="connsiteY340" fmla="*/ 6325709 h 6857967"/>
              <a:gd name="connsiteX341" fmla="*/ 7045180 w 12191941"/>
              <a:gd name="connsiteY341" fmla="*/ 6397010 h 6857967"/>
              <a:gd name="connsiteX342" fmla="*/ 7116481 w 12191941"/>
              <a:gd name="connsiteY342" fmla="*/ 6397010 h 6857967"/>
              <a:gd name="connsiteX343" fmla="*/ 7116481 w 12191941"/>
              <a:gd name="connsiteY343" fmla="*/ 6325709 h 6857967"/>
              <a:gd name="connsiteX344" fmla="*/ 6902579 w 12191941"/>
              <a:gd name="connsiteY344" fmla="*/ 6325709 h 6857967"/>
              <a:gd name="connsiteX345" fmla="*/ 6902579 w 12191941"/>
              <a:gd name="connsiteY345" fmla="*/ 6397010 h 6857967"/>
              <a:gd name="connsiteX346" fmla="*/ 6973880 w 12191941"/>
              <a:gd name="connsiteY346" fmla="*/ 6397010 h 6857967"/>
              <a:gd name="connsiteX347" fmla="*/ 6973880 w 12191941"/>
              <a:gd name="connsiteY347" fmla="*/ 6325709 h 6857967"/>
              <a:gd name="connsiteX348" fmla="*/ 6759906 w 12191941"/>
              <a:gd name="connsiteY348" fmla="*/ 6325709 h 6857967"/>
              <a:gd name="connsiteX349" fmla="*/ 6759906 w 12191941"/>
              <a:gd name="connsiteY349" fmla="*/ 6397010 h 6857967"/>
              <a:gd name="connsiteX350" fmla="*/ 6831207 w 12191941"/>
              <a:gd name="connsiteY350" fmla="*/ 6397010 h 6857967"/>
              <a:gd name="connsiteX351" fmla="*/ 6831207 w 12191941"/>
              <a:gd name="connsiteY351" fmla="*/ 6325709 h 6857967"/>
              <a:gd name="connsiteX352" fmla="*/ 6617234 w 12191941"/>
              <a:gd name="connsiteY352" fmla="*/ 6325709 h 6857967"/>
              <a:gd name="connsiteX353" fmla="*/ 6617234 w 12191941"/>
              <a:gd name="connsiteY353" fmla="*/ 6397010 h 6857967"/>
              <a:gd name="connsiteX354" fmla="*/ 6688535 w 12191941"/>
              <a:gd name="connsiteY354" fmla="*/ 6397010 h 6857967"/>
              <a:gd name="connsiteX355" fmla="*/ 6688535 w 12191941"/>
              <a:gd name="connsiteY355" fmla="*/ 6325709 h 6857967"/>
              <a:gd name="connsiteX356" fmla="*/ 6474632 w 12191941"/>
              <a:gd name="connsiteY356" fmla="*/ 6325709 h 6857967"/>
              <a:gd name="connsiteX357" fmla="*/ 6474632 w 12191941"/>
              <a:gd name="connsiteY357" fmla="*/ 6397010 h 6857967"/>
              <a:gd name="connsiteX358" fmla="*/ 6545933 w 12191941"/>
              <a:gd name="connsiteY358" fmla="*/ 6397010 h 6857967"/>
              <a:gd name="connsiteX359" fmla="*/ 6545933 w 12191941"/>
              <a:gd name="connsiteY359" fmla="*/ 6325709 h 6857967"/>
              <a:gd name="connsiteX360" fmla="*/ 6331959 w 12191941"/>
              <a:gd name="connsiteY360" fmla="*/ 6325709 h 6857967"/>
              <a:gd name="connsiteX361" fmla="*/ 6331959 w 12191941"/>
              <a:gd name="connsiteY361" fmla="*/ 6397010 h 6857967"/>
              <a:gd name="connsiteX362" fmla="*/ 6403260 w 12191941"/>
              <a:gd name="connsiteY362" fmla="*/ 6397010 h 6857967"/>
              <a:gd name="connsiteX363" fmla="*/ 6403260 w 12191941"/>
              <a:gd name="connsiteY363" fmla="*/ 6325709 h 6857967"/>
              <a:gd name="connsiteX364" fmla="*/ 6189358 w 12191941"/>
              <a:gd name="connsiteY364" fmla="*/ 6325709 h 6857967"/>
              <a:gd name="connsiteX365" fmla="*/ 6189358 w 12191941"/>
              <a:gd name="connsiteY365" fmla="*/ 6397010 h 6857967"/>
              <a:gd name="connsiteX366" fmla="*/ 6260659 w 12191941"/>
              <a:gd name="connsiteY366" fmla="*/ 6397010 h 6857967"/>
              <a:gd name="connsiteX367" fmla="*/ 6260659 w 12191941"/>
              <a:gd name="connsiteY367" fmla="*/ 6325709 h 6857967"/>
              <a:gd name="connsiteX368" fmla="*/ 6046689 w 12191941"/>
              <a:gd name="connsiteY368" fmla="*/ 6325709 h 6857967"/>
              <a:gd name="connsiteX369" fmla="*/ 6046689 w 12191941"/>
              <a:gd name="connsiteY369" fmla="*/ 6397010 h 6857967"/>
              <a:gd name="connsiteX370" fmla="*/ 6117986 w 12191941"/>
              <a:gd name="connsiteY370" fmla="*/ 6397010 h 6857967"/>
              <a:gd name="connsiteX371" fmla="*/ 6117986 w 12191941"/>
              <a:gd name="connsiteY371" fmla="*/ 6325709 h 6857967"/>
              <a:gd name="connsiteX372" fmla="*/ 5904022 w 12191941"/>
              <a:gd name="connsiteY372" fmla="*/ 6325709 h 6857967"/>
              <a:gd name="connsiteX373" fmla="*/ 5904022 w 12191941"/>
              <a:gd name="connsiteY373" fmla="*/ 6397010 h 6857967"/>
              <a:gd name="connsiteX374" fmla="*/ 5975319 w 12191941"/>
              <a:gd name="connsiteY374" fmla="*/ 6397010 h 6857967"/>
              <a:gd name="connsiteX375" fmla="*/ 5975319 w 12191941"/>
              <a:gd name="connsiteY375" fmla="*/ 6325709 h 6857967"/>
              <a:gd name="connsiteX376" fmla="*/ 5761426 w 12191941"/>
              <a:gd name="connsiteY376" fmla="*/ 6325709 h 6857967"/>
              <a:gd name="connsiteX377" fmla="*/ 5761426 w 12191941"/>
              <a:gd name="connsiteY377" fmla="*/ 6397010 h 6857967"/>
              <a:gd name="connsiteX378" fmla="*/ 5832724 w 12191941"/>
              <a:gd name="connsiteY378" fmla="*/ 6397010 h 6857967"/>
              <a:gd name="connsiteX379" fmla="*/ 5832724 w 12191941"/>
              <a:gd name="connsiteY379" fmla="*/ 6325709 h 6857967"/>
              <a:gd name="connsiteX380" fmla="*/ 5618761 w 12191941"/>
              <a:gd name="connsiteY380" fmla="*/ 6325709 h 6857967"/>
              <a:gd name="connsiteX381" fmla="*/ 5618761 w 12191941"/>
              <a:gd name="connsiteY381" fmla="*/ 6397010 h 6857967"/>
              <a:gd name="connsiteX382" fmla="*/ 5690059 w 12191941"/>
              <a:gd name="connsiteY382" fmla="*/ 6397010 h 6857967"/>
              <a:gd name="connsiteX383" fmla="*/ 5690059 w 12191941"/>
              <a:gd name="connsiteY383" fmla="*/ 6325709 h 6857967"/>
              <a:gd name="connsiteX384" fmla="*/ 5476167 w 12191941"/>
              <a:gd name="connsiteY384" fmla="*/ 6325709 h 6857967"/>
              <a:gd name="connsiteX385" fmla="*/ 5476167 w 12191941"/>
              <a:gd name="connsiteY385" fmla="*/ 6397010 h 6857967"/>
              <a:gd name="connsiteX386" fmla="*/ 5547465 w 12191941"/>
              <a:gd name="connsiteY386" fmla="*/ 6397010 h 6857967"/>
              <a:gd name="connsiteX387" fmla="*/ 5547465 w 12191941"/>
              <a:gd name="connsiteY387" fmla="*/ 6325709 h 6857967"/>
              <a:gd name="connsiteX388" fmla="*/ 5333500 w 12191941"/>
              <a:gd name="connsiteY388" fmla="*/ 6325709 h 6857967"/>
              <a:gd name="connsiteX389" fmla="*/ 5333500 w 12191941"/>
              <a:gd name="connsiteY389" fmla="*/ 6397010 h 6857967"/>
              <a:gd name="connsiteX390" fmla="*/ 5404799 w 12191941"/>
              <a:gd name="connsiteY390" fmla="*/ 6397010 h 6857967"/>
              <a:gd name="connsiteX391" fmla="*/ 5404799 w 12191941"/>
              <a:gd name="connsiteY391" fmla="*/ 6325709 h 6857967"/>
              <a:gd name="connsiteX392" fmla="*/ 5190877 w 12191941"/>
              <a:gd name="connsiteY392" fmla="*/ 6325709 h 6857967"/>
              <a:gd name="connsiteX393" fmla="*/ 5190877 w 12191941"/>
              <a:gd name="connsiteY393" fmla="*/ 6397010 h 6857967"/>
              <a:gd name="connsiteX394" fmla="*/ 5262188 w 12191941"/>
              <a:gd name="connsiteY394" fmla="*/ 6397010 h 6857967"/>
              <a:gd name="connsiteX395" fmla="*/ 5262188 w 12191941"/>
              <a:gd name="connsiteY395" fmla="*/ 6325709 h 6857967"/>
              <a:gd name="connsiteX396" fmla="*/ 5048236 w 12191941"/>
              <a:gd name="connsiteY396" fmla="*/ 6325709 h 6857967"/>
              <a:gd name="connsiteX397" fmla="*/ 5048236 w 12191941"/>
              <a:gd name="connsiteY397" fmla="*/ 6397010 h 6857967"/>
              <a:gd name="connsiteX398" fmla="*/ 5119527 w 12191941"/>
              <a:gd name="connsiteY398" fmla="*/ 6397010 h 6857967"/>
              <a:gd name="connsiteX399" fmla="*/ 5119527 w 12191941"/>
              <a:gd name="connsiteY399" fmla="*/ 6325709 h 6857967"/>
              <a:gd name="connsiteX400" fmla="*/ 4906607 w 12191941"/>
              <a:gd name="connsiteY400" fmla="*/ 6325709 h 6857967"/>
              <a:gd name="connsiteX401" fmla="*/ 4906607 w 12191941"/>
              <a:gd name="connsiteY401" fmla="*/ 6397010 h 6857967"/>
              <a:gd name="connsiteX402" fmla="*/ 4977916 w 12191941"/>
              <a:gd name="connsiteY402" fmla="*/ 6397010 h 6857967"/>
              <a:gd name="connsiteX403" fmla="*/ 4977916 w 12191941"/>
              <a:gd name="connsiteY403" fmla="*/ 6325709 h 6857967"/>
              <a:gd name="connsiteX404" fmla="*/ 4764013 w 12191941"/>
              <a:gd name="connsiteY404" fmla="*/ 6325709 h 6857967"/>
              <a:gd name="connsiteX405" fmla="*/ 4764013 w 12191941"/>
              <a:gd name="connsiteY405" fmla="*/ 6397010 h 6857967"/>
              <a:gd name="connsiteX406" fmla="*/ 4835311 w 12191941"/>
              <a:gd name="connsiteY406" fmla="*/ 6397010 h 6857967"/>
              <a:gd name="connsiteX407" fmla="*/ 4835311 w 12191941"/>
              <a:gd name="connsiteY407" fmla="*/ 6325709 h 6857967"/>
              <a:gd name="connsiteX408" fmla="*/ 4621341 w 12191941"/>
              <a:gd name="connsiteY408" fmla="*/ 6325709 h 6857967"/>
              <a:gd name="connsiteX409" fmla="*/ 4621341 w 12191941"/>
              <a:gd name="connsiteY409" fmla="*/ 6397010 h 6857967"/>
              <a:gd name="connsiteX410" fmla="*/ 4692639 w 12191941"/>
              <a:gd name="connsiteY410" fmla="*/ 6397010 h 6857967"/>
              <a:gd name="connsiteX411" fmla="*/ 4692639 w 12191941"/>
              <a:gd name="connsiteY411" fmla="*/ 6325709 h 6857967"/>
              <a:gd name="connsiteX412" fmla="*/ 4478666 w 12191941"/>
              <a:gd name="connsiteY412" fmla="*/ 6325709 h 6857967"/>
              <a:gd name="connsiteX413" fmla="*/ 4478666 w 12191941"/>
              <a:gd name="connsiteY413" fmla="*/ 6397010 h 6857967"/>
              <a:gd name="connsiteX414" fmla="*/ 4549969 w 12191941"/>
              <a:gd name="connsiteY414" fmla="*/ 6397010 h 6857967"/>
              <a:gd name="connsiteX415" fmla="*/ 4549969 w 12191941"/>
              <a:gd name="connsiteY415" fmla="*/ 6325709 h 6857967"/>
              <a:gd name="connsiteX416" fmla="*/ 4336067 w 12191941"/>
              <a:gd name="connsiteY416" fmla="*/ 6325709 h 6857967"/>
              <a:gd name="connsiteX417" fmla="*/ 4336067 w 12191941"/>
              <a:gd name="connsiteY417" fmla="*/ 6397010 h 6857967"/>
              <a:gd name="connsiteX418" fmla="*/ 4407366 w 12191941"/>
              <a:gd name="connsiteY418" fmla="*/ 6397010 h 6857967"/>
              <a:gd name="connsiteX419" fmla="*/ 4407366 w 12191941"/>
              <a:gd name="connsiteY419" fmla="*/ 6325709 h 6857967"/>
              <a:gd name="connsiteX420" fmla="*/ 4193413 w 12191941"/>
              <a:gd name="connsiteY420" fmla="*/ 6325709 h 6857967"/>
              <a:gd name="connsiteX421" fmla="*/ 4193413 w 12191941"/>
              <a:gd name="connsiteY421" fmla="*/ 6397010 h 6857967"/>
              <a:gd name="connsiteX422" fmla="*/ 4264695 w 12191941"/>
              <a:gd name="connsiteY422" fmla="*/ 6397010 h 6857967"/>
              <a:gd name="connsiteX423" fmla="*/ 4264695 w 12191941"/>
              <a:gd name="connsiteY423" fmla="*/ 6325709 h 6857967"/>
              <a:gd name="connsiteX424" fmla="*/ 4050810 w 12191941"/>
              <a:gd name="connsiteY424" fmla="*/ 6325709 h 6857967"/>
              <a:gd name="connsiteX425" fmla="*/ 4050810 w 12191941"/>
              <a:gd name="connsiteY425" fmla="*/ 6397010 h 6857967"/>
              <a:gd name="connsiteX426" fmla="*/ 4122113 w 12191941"/>
              <a:gd name="connsiteY426" fmla="*/ 6397010 h 6857967"/>
              <a:gd name="connsiteX427" fmla="*/ 4122113 w 12191941"/>
              <a:gd name="connsiteY427" fmla="*/ 6325709 h 6857967"/>
              <a:gd name="connsiteX428" fmla="*/ 3908136 w 12191941"/>
              <a:gd name="connsiteY428" fmla="*/ 6325709 h 6857967"/>
              <a:gd name="connsiteX429" fmla="*/ 3908136 w 12191941"/>
              <a:gd name="connsiteY429" fmla="*/ 6397010 h 6857967"/>
              <a:gd name="connsiteX430" fmla="*/ 3979438 w 12191941"/>
              <a:gd name="connsiteY430" fmla="*/ 6397010 h 6857967"/>
              <a:gd name="connsiteX431" fmla="*/ 3979438 w 12191941"/>
              <a:gd name="connsiteY431" fmla="*/ 6325709 h 6857967"/>
              <a:gd name="connsiteX432" fmla="*/ 3765462 w 12191941"/>
              <a:gd name="connsiteY432" fmla="*/ 6325709 h 6857967"/>
              <a:gd name="connsiteX433" fmla="*/ 3765462 w 12191941"/>
              <a:gd name="connsiteY433" fmla="*/ 6397010 h 6857967"/>
              <a:gd name="connsiteX434" fmla="*/ 3836763 w 12191941"/>
              <a:gd name="connsiteY434" fmla="*/ 6397010 h 6857967"/>
              <a:gd name="connsiteX435" fmla="*/ 3836763 w 12191941"/>
              <a:gd name="connsiteY435" fmla="*/ 6325709 h 6857967"/>
              <a:gd name="connsiteX436" fmla="*/ 3622851 w 12191941"/>
              <a:gd name="connsiteY436" fmla="*/ 6325709 h 6857967"/>
              <a:gd name="connsiteX437" fmla="*/ 3622851 w 12191941"/>
              <a:gd name="connsiteY437" fmla="*/ 6397010 h 6857967"/>
              <a:gd name="connsiteX438" fmla="*/ 3694151 w 12191941"/>
              <a:gd name="connsiteY438" fmla="*/ 6397010 h 6857967"/>
              <a:gd name="connsiteX439" fmla="*/ 3694151 w 12191941"/>
              <a:gd name="connsiteY439" fmla="*/ 6325709 h 6857967"/>
              <a:gd name="connsiteX440" fmla="*/ 3480203 w 12191941"/>
              <a:gd name="connsiteY440" fmla="*/ 6325709 h 6857967"/>
              <a:gd name="connsiteX441" fmla="*/ 3480203 w 12191941"/>
              <a:gd name="connsiteY441" fmla="*/ 6397010 h 6857967"/>
              <a:gd name="connsiteX442" fmla="*/ 3551509 w 12191941"/>
              <a:gd name="connsiteY442" fmla="*/ 6397010 h 6857967"/>
              <a:gd name="connsiteX443" fmla="*/ 3551509 w 12191941"/>
              <a:gd name="connsiteY443" fmla="*/ 6325709 h 6857967"/>
              <a:gd name="connsiteX444" fmla="*/ 3337580 w 12191941"/>
              <a:gd name="connsiteY444" fmla="*/ 6325709 h 6857967"/>
              <a:gd name="connsiteX445" fmla="*/ 3337580 w 12191941"/>
              <a:gd name="connsiteY445" fmla="*/ 6397010 h 6857967"/>
              <a:gd name="connsiteX446" fmla="*/ 3408881 w 12191941"/>
              <a:gd name="connsiteY446" fmla="*/ 6397010 h 6857967"/>
              <a:gd name="connsiteX447" fmla="*/ 3408881 w 12191941"/>
              <a:gd name="connsiteY447" fmla="*/ 6325709 h 6857967"/>
              <a:gd name="connsiteX448" fmla="*/ 3194905 w 12191941"/>
              <a:gd name="connsiteY448" fmla="*/ 6325709 h 6857967"/>
              <a:gd name="connsiteX449" fmla="*/ 3194905 w 12191941"/>
              <a:gd name="connsiteY449" fmla="*/ 6397010 h 6857967"/>
              <a:gd name="connsiteX450" fmla="*/ 3266208 w 12191941"/>
              <a:gd name="connsiteY450" fmla="*/ 6397010 h 6857967"/>
              <a:gd name="connsiteX451" fmla="*/ 3266208 w 12191941"/>
              <a:gd name="connsiteY451" fmla="*/ 6325709 h 6857967"/>
              <a:gd name="connsiteX452" fmla="*/ 3052305 w 12191941"/>
              <a:gd name="connsiteY452" fmla="*/ 6325709 h 6857967"/>
              <a:gd name="connsiteX453" fmla="*/ 3052305 w 12191941"/>
              <a:gd name="connsiteY453" fmla="*/ 6397010 h 6857967"/>
              <a:gd name="connsiteX454" fmla="*/ 3123607 w 12191941"/>
              <a:gd name="connsiteY454" fmla="*/ 6397010 h 6857967"/>
              <a:gd name="connsiteX455" fmla="*/ 3123607 w 12191941"/>
              <a:gd name="connsiteY455" fmla="*/ 6325709 h 6857967"/>
              <a:gd name="connsiteX456" fmla="*/ 2909633 w 12191941"/>
              <a:gd name="connsiteY456" fmla="*/ 6325709 h 6857967"/>
              <a:gd name="connsiteX457" fmla="*/ 2909633 w 12191941"/>
              <a:gd name="connsiteY457" fmla="*/ 6397010 h 6857967"/>
              <a:gd name="connsiteX458" fmla="*/ 2980934 w 12191941"/>
              <a:gd name="connsiteY458" fmla="*/ 6397010 h 6857967"/>
              <a:gd name="connsiteX459" fmla="*/ 2980934 w 12191941"/>
              <a:gd name="connsiteY459" fmla="*/ 6325709 h 6857967"/>
              <a:gd name="connsiteX460" fmla="*/ 2767033 w 12191941"/>
              <a:gd name="connsiteY460" fmla="*/ 6325709 h 6857967"/>
              <a:gd name="connsiteX461" fmla="*/ 2767033 w 12191941"/>
              <a:gd name="connsiteY461" fmla="*/ 6397010 h 6857967"/>
              <a:gd name="connsiteX462" fmla="*/ 2838334 w 12191941"/>
              <a:gd name="connsiteY462" fmla="*/ 6397010 h 6857967"/>
              <a:gd name="connsiteX463" fmla="*/ 2838334 w 12191941"/>
              <a:gd name="connsiteY463" fmla="*/ 6325709 h 6857967"/>
              <a:gd name="connsiteX464" fmla="*/ 2624361 w 12191941"/>
              <a:gd name="connsiteY464" fmla="*/ 6325709 h 6857967"/>
              <a:gd name="connsiteX465" fmla="*/ 2624361 w 12191941"/>
              <a:gd name="connsiteY465" fmla="*/ 6397010 h 6857967"/>
              <a:gd name="connsiteX466" fmla="*/ 2695661 w 12191941"/>
              <a:gd name="connsiteY466" fmla="*/ 6397010 h 6857967"/>
              <a:gd name="connsiteX467" fmla="*/ 2695661 w 12191941"/>
              <a:gd name="connsiteY467" fmla="*/ 6325709 h 6857967"/>
              <a:gd name="connsiteX468" fmla="*/ 2481690 w 12191941"/>
              <a:gd name="connsiteY468" fmla="*/ 6325709 h 6857967"/>
              <a:gd name="connsiteX469" fmla="*/ 2481690 w 12191941"/>
              <a:gd name="connsiteY469" fmla="*/ 6397010 h 6857967"/>
              <a:gd name="connsiteX470" fmla="*/ 2552991 w 12191941"/>
              <a:gd name="connsiteY470" fmla="*/ 6397010 h 6857967"/>
              <a:gd name="connsiteX471" fmla="*/ 2552991 w 12191941"/>
              <a:gd name="connsiteY471" fmla="*/ 6325709 h 6857967"/>
              <a:gd name="connsiteX472" fmla="*/ 2339091 w 12191941"/>
              <a:gd name="connsiteY472" fmla="*/ 6325709 h 6857967"/>
              <a:gd name="connsiteX473" fmla="*/ 2339091 w 12191941"/>
              <a:gd name="connsiteY473" fmla="*/ 6397010 h 6857967"/>
              <a:gd name="connsiteX474" fmla="*/ 2410390 w 12191941"/>
              <a:gd name="connsiteY474" fmla="*/ 6397010 h 6857967"/>
              <a:gd name="connsiteX475" fmla="*/ 2410390 w 12191941"/>
              <a:gd name="connsiteY475" fmla="*/ 6325709 h 6857967"/>
              <a:gd name="connsiteX476" fmla="*/ 2196420 w 12191941"/>
              <a:gd name="connsiteY476" fmla="*/ 6325709 h 6857967"/>
              <a:gd name="connsiteX477" fmla="*/ 2196420 w 12191941"/>
              <a:gd name="connsiteY477" fmla="*/ 6397010 h 6857967"/>
              <a:gd name="connsiteX478" fmla="*/ 2267720 w 12191941"/>
              <a:gd name="connsiteY478" fmla="*/ 6397010 h 6857967"/>
              <a:gd name="connsiteX479" fmla="*/ 2267720 w 12191941"/>
              <a:gd name="connsiteY479" fmla="*/ 6325709 h 6857967"/>
              <a:gd name="connsiteX480" fmla="*/ 2053813 w 12191941"/>
              <a:gd name="connsiteY480" fmla="*/ 6325709 h 6857967"/>
              <a:gd name="connsiteX481" fmla="*/ 2053813 w 12191941"/>
              <a:gd name="connsiteY481" fmla="*/ 6397010 h 6857967"/>
              <a:gd name="connsiteX482" fmla="*/ 2125117 w 12191941"/>
              <a:gd name="connsiteY482" fmla="*/ 6397010 h 6857967"/>
              <a:gd name="connsiteX483" fmla="*/ 2125117 w 12191941"/>
              <a:gd name="connsiteY483" fmla="*/ 6325709 h 6857967"/>
              <a:gd name="connsiteX484" fmla="*/ 1911141 w 12191941"/>
              <a:gd name="connsiteY484" fmla="*/ 6325709 h 6857967"/>
              <a:gd name="connsiteX485" fmla="*/ 1911141 w 12191941"/>
              <a:gd name="connsiteY485" fmla="*/ 6397010 h 6857967"/>
              <a:gd name="connsiteX486" fmla="*/ 1982442 w 12191941"/>
              <a:gd name="connsiteY486" fmla="*/ 6397010 h 6857967"/>
              <a:gd name="connsiteX487" fmla="*/ 1982442 w 12191941"/>
              <a:gd name="connsiteY487" fmla="*/ 6325709 h 6857967"/>
              <a:gd name="connsiteX488" fmla="*/ 1768470 w 12191941"/>
              <a:gd name="connsiteY488" fmla="*/ 6325709 h 6857967"/>
              <a:gd name="connsiteX489" fmla="*/ 1768470 w 12191941"/>
              <a:gd name="connsiteY489" fmla="*/ 6397010 h 6857967"/>
              <a:gd name="connsiteX490" fmla="*/ 1839771 w 12191941"/>
              <a:gd name="connsiteY490" fmla="*/ 6397010 h 6857967"/>
              <a:gd name="connsiteX491" fmla="*/ 1839771 w 12191941"/>
              <a:gd name="connsiteY491" fmla="*/ 6325709 h 6857967"/>
              <a:gd name="connsiteX492" fmla="*/ 1625870 w 12191941"/>
              <a:gd name="connsiteY492" fmla="*/ 6325709 h 6857967"/>
              <a:gd name="connsiteX493" fmla="*/ 1625870 w 12191941"/>
              <a:gd name="connsiteY493" fmla="*/ 6397010 h 6857967"/>
              <a:gd name="connsiteX494" fmla="*/ 1697170 w 12191941"/>
              <a:gd name="connsiteY494" fmla="*/ 6397010 h 6857967"/>
              <a:gd name="connsiteX495" fmla="*/ 1697170 w 12191941"/>
              <a:gd name="connsiteY495" fmla="*/ 6325709 h 6857967"/>
              <a:gd name="connsiteX496" fmla="*/ 1483199 w 12191941"/>
              <a:gd name="connsiteY496" fmla="*/ 6325709 h 6857967"/>
              <a:gd name="connsiteX497" fmla="*/ 1483199 w 12191941"/>
              <a:gd name="connsiteY497" fmla="*/ 6397010 h 6857967"/>
              <a:gd name="connsiteX498" fmla="*/ 1554500 w 12191941"/>
              <a:gd name="connsiteY498" fmla="*/ 6397010 h 6857967"/>
              <a:gd name="connsiteX499" fmla="*/ 1554500 w 12191941"/>
              <a:gd name="connsiteY499" fmla="*/ 6325709 h 6857967"/>
              <a:gd name="connsiteX500" fmla="*/ 1340599 w 12191941"/>
              <a:gd name="connsiteY500" fmla="*/ 6325709 h 6857967"/>
              <a:gd name="connsiteX501" fmla="*/ 1340599 w 12191941"/>
              <a:gd name="connsiteY501" fmla="*/ 6397010 h 6857967"/>
              <a:gd name="connsiteX502" fmla="*/ 1411899 w 12191941"/>
              <a:gd name="connsiteY502" fmla="*/ 6397010 h 6857967"/>
              <a:gd name="connsiteX503" fmla="*/ 1411899 w 12191941"/>
              <a:gd name="connsiteY503" fmla="*/ 6325709 h 6857967"/>
              <a:gd name="connsiteX504" fmla="*/ 1197929 w 12191941"/>
              <a:gd name="connsiteY504" fmla="*/ 6325709 h 6857967"/>
              <a:gd name="connsiteX505" fmla="*/ 1197929 w 12191941"/>
              <a:gd name="connsiteY505" fmla="*/ 6397010 h 6857967"/>
              <a:gd name="connsiteX506" fmla="*/ 1269230 w 12191941"/>
              <a:gd name="connsiteY506" fmla="*/ 6397010 h 6857967"/>
              <a:gd name="connsiteX507" fmla="*/ 1269230 w 12191941"/>
              <a:gd name="connsiteY507" fmla="*/ 6325709 h 6857967"/>
              <a:gd name="connsiteX508" fmla="*/ 1055311 w 12191941"/>
              <a:gd name="connsiteY508" fmla="*/ 6325709 h 6857967"/>
              <a:gd name="connsiteX509" fmla="*/ 1055311 w 12191941"/>
              <a:gd name="connsiteY509" fmla="*/ 6397010 h 6857967"/>
              <a:gd name="connsiteX510" fmla="*/ 1126612 w 12191941"/>
              <a:gd name="connsiteY510" fmla="*/ 6397010 h 6857967"/>
              <a:gd name="connsiteX511" fmla="*/ 1126612 w 12191941"/>
              <a:gd name="connsiteY511" fmla="*/ 6325709 h 6857967"/>
              <a:gd name="connsiteX512" fmla="*/ 912657 w 12191941"/>
              <a:gd name="connsiteY512" fmla="*/ 6325709 h 6857967"/>
              <a:gd name="connsiteX513" fmla="*/ 912657 w 12191941"/>
              <a:gd name="connsiteY513" fmla="*/ 6397010 h 6857967"/>
              <a:gd name="connsiteX514" fmla="*/ 983958 w 12191941"/>
              <a:gd name="connsiteY514" fmla="*/ 6397010 h 6857967"/>
              <a:gd name="connsiteX515" fmla="*/ 983958 w 12191941"/>
              <a:gd name="connsiteY515" fmla="*/ 6325709 h 6857967"/>
              <a:gd name="connsiteX516" fmla="*/ 771136 w 12191941"/>
              <a:gd name="connsiteY516" fmla="*/ 6325709 h 6857967"/>
              <a:gd name="connsiteX517" fmla="*/ 771136 w 12191941"/>
              <a:gd name="connsiteY517" fmla="*/ 6397010 h 6857967"/>
              <a:gd name="connsiteX518" fmla="*/ 842437 w 12191941"/>
              <a:gd name="connsiteY518" fmla="*/ 6397010 h 6857967"/>
              <a:gd name="connsiteX519" fmla="*/ 842437 w 12191941"/>
              <a:gd name="connsiteY519" fmla="*/ 6325709 h 6857967"/>
              <a:gd name="connsiteX520" fmla="*/ 628534 w 12191941"/>
              <a:gd name="connsiteY520" fmla="*/ 6325709 h 6857967"/>
              <a:gd name="connsiteX521" fmla="*/ 628534 w 12191941"/>
              <a:gd name="connsiteY521" fmla="*/ 6397010 h 6857967"/>
              <a:gd name="connsiteX522" fmla="*/ 699835 w 12191941"/>
              <a:gd name="connsiteY522" fmla="*/ 6397010 h 6857967"/>
              <a:gd name="connsiteX523" fmla="*/ 699835 w 12191941"/>
              <a:gd name="connsiteY523" fmla="*/ 6325709 h 6857967"/>
              <a:gd name="connsiteX524" fmla="*/ 485863 w 12191941"/>
              <a:gd name="connsiteY524" fmla="*/ 6325709 h 6857967"/>
              <a:gd name="connsiteX525" fmla="*/ 485863 w 12191941"/>
              <a:gd name="connsiteY525" fmla="*/ 6397010 h 6857967"/>
              <a:gd name="connsiteX526" fmla="*/ 557163 w 12191941"/>
              <a:gd name="connsiteY526" fmla="*/ 6397010 h 6857967"/>
              <a:gd name="connsiteX527" fmla="*/ 557163 w 12191941"/>
              <a:gd name="connsiteY527" fmla="*/ 6325709 h 6857967"/>
              <a:gd name="connsiteX528" fmla="*/ 343191 w 12191941"/>
              <a:gd name="connsiteY528" fmla="*/ 6325709 h 6857967"/>
              <a:gd name="connsiteX529" fmla="*/ 343191 w 12191941"/>
              <a:gd name="connsiteY529" fmla="*/ 6397010 h 6857967"/>
              <a:gd name="connsiteX530" fmla="*/ 414492 w 12191941"/>
              <a:gd name="connsiteY530" fmla="*/ 6397010 h 6857967"/>
              <a:gd name="connsiteX531" fmla="*/ 414492 w 12191941"/>
              <a:gd name="connsiteY531" fmla="*/ 6325709 h 6857967"/>
              <a:gd name="connsiteX532" fmla="*/ 200590 w 12191941"/>
              <a:gd name="connsiteY532" fmla="*/ 6325709 h 6857967"/>
              <a:gd name="connsiteX533" fmla="*/ 200590 w 12191941"/>
              <a:gd name="connsiteY533" fmla="*/ 6397010 h 6857967"/>
              <a:gd name="connsiteX534" fmla="*/ 271891 w 12191941"/>
              <a:gd name="connsiteY534" fmla="*/ 6397010 h 6857967"/>
              <a:gd name="connsiteX535" fmla="*/ 271891 w 12191941"/>
              <a:gd name="connsiteY535" fmla="*/ 6325709 h 6857967"/>
              <a:gd name="connsiteX536" fmla="*/ 57918 w 12191941"/>
              <a:gd name="connsiteY536" fmla="*/ 6325709 h 6857967"/>
              <a:gd name="connsiteX537" fmla="*/ 57918 w 12191941"/>
              <a:gd name="connsiteY537" fmla="*/ 6397010 h 6857967"/>
              <a:gd name="connsiteX538" fmla="*/ 129219 w 12191941"/>
              <a:gd name="connsiteY538" fmla="*/ 6397010 h 6857967"/>
              <a:gd name="connsiteX539" fmla="*/ 129219 w 12191941"/>
              <a:gd name="connsiteY539" fmla="*/ 6325709 h 6857967"/>
              <a:gd name="connsiteX540" fmla="*/ 9755391 w 12191941"/>
              <a:gd name="connsiteY540" fmla="*/ 6183107 h 6857967"/>
              <a:gd name="connsiteX541" fmla="*/ 9755391 w 12191941"/>
              <a:gd name="connsiteY541" fmla="*/ 6254408 h 6857967"/>
              <a:gd name="connsiteX542" fmla="*/ 9826692 w 12191941"/>
              <a:gd name="connsiteY542" fmla="*/ 6254408 h 6857967"/>
              <a:gd name="connsiteX543" fmla="*/ 9826692 w 12191941"/>
              <a:gd name="connsiteY543" fmla="*/ 6183107 h 6857967"/>
              <a:gd name="connsiteX544" fmla="*/ 9612718 w 12191941"/>
              <a:gd name="connsiteY544" fmla="*/ 6183107 h 6857967"/>
              <a:gd name="connsiteX545" fmla="*/ 9612718 w 12191941"/>
              <a:gd name="connsiteY545" fmla="*/ 6254408 h 6857967"/>
              <a:gd name="connsiteX546" fmla="*/ 9684019 w 12191941"/>
              <a:gd name="connsiteY546" fmla="*/ 6254408 h 6857967"/>
              <a:gd name="connsiteX547" fmla="*/ 9684019 w 12191941"/>
              <a:gd name="connsiteY547" fmla="*/ 6183107 h 6857967"/>
              <a:gd name="connsiteX548" fmla="*/ 9470117 w 12191941"/>
              <a:gd name="connsiteY548" fmla="*/ 6183107 h 6857967"/>
              <a:gd name="connsiteX549" fmla="*/ 9470117 w 12191941"/>
              <a:gd name="connsiteY549" fmla="*/ 6254408 h 6857967"/>
              <a:gd name="connsiteX550" fmla="*/ 9541417 w 12191941"/>
              <a:gd name="connsiteY550" fmla="*/ 6254408 h 6857967"/>
              <a:gd name="connsiteX551" fmla="*/ 9541417 w 12191941"/>
              <a:gd name="connsiteY551" fmla="*/ 6183107 h 6857967"/>
              <a:gd name="connsiteX552" fmla="*/ 9327444 w 12191941"/>
              <a:gd name="connsiteY552" fmla="*/ 6183107 h 6857967"/>
              <a:gd name="connsiteX553" fmla="*/ 9327444 w 12191941"/>
              <a:gd name="connsiteY553" fmla="*/ 6254408 h 6857967"/>
              <a:gd name="connsiteX554" fmla="*/ 9398745 w 12191941"/>
              <a:gd name="connsiteY554" fmla="*/ 6254408 h 6857967"/>
              <a:gd name="connsiteX555" fmla="*/ 9398745 w 12191941"/>
              <a:gd name="connsiteY555" fmla="*/ 6183107 h 6857967"/>
              <a:gd name="connsiteX556" fmla="*/ 9184842 w 12191941"/>
              <a:gd name="connsiteY556" fmla="*/ 6183107 h 6857967"/>
              <a:gd name="connsiteX557" fmla="*/ 9184842 w 12191941"/>
              <a:gd name="connsiteY557" fmla="*/ 6254408 h 6857967"/>
              <a:gd name="connsiteX558" fmla="*/ 9256143 w 12191941"/>
              <a:gd name="connsiteY558" fmla="*/ 6254408 h 6857967"/>
              <a:gd name="connsiteX559" fmla="*/ 9256143 w 12191941"/>
              <a:gd name="connsiteY559" fmla="*/ 6183107 h 6857967"/>
              <a:gd name="connsiteX560" fmla="*/ 9042170 w 12191941"/>
              <a:gd name="connsiteY560" fmla="*/ 6183107 h 6857967"/>
              <a:gd name="connsiteX561" fmla="*/ 9042170 w 12191941"/>
              <a:gd name="connsiteY561" fmla="*/ 6254408 h 6857967"/>
              <a:gd name="connsiteX562" fmla="*/ 9113471 w 12191941"/>
              <a:gd name="connsiteY562" fmla="*/ 6254408 h 6857967"/>
              <a:gd name="connsiteX563" fmla="*/ 9113471 w 12191941"/>
              <a:gd name="connsiteY563" fmla="*/ 6183107 h 6857967"/>
              <a:gd name="connsiteX564" fmla="*/ 8899568 w 12191941"/>
              <a:gd name="connsiteY564" fmla="*/ 6183107 h 6857967"/>
              <a:gd name="connsiteX565" fmla="*/ 8899568 w 12191941"/>
              <a:gd name="connsiteY565" fmla="*/ 6254408 h 6857967"/>
              <a:gd name="connsiteX566" fmla="*/ 8970869 w 12191941"/>
              <a:gd name="connsiteY566" fmla="*/ 6254408 h 6857967"/>
              <a:gd name="connsiteX567" fmla="*/ 8970869 w 12191941"/>
              <a:gd name="connsiteY567" fmla="*/ 6183107 h 6857967"/>
              <a:gd name="connsiteX568" fmla="*/ 8756896 w 12191941"/>
              <a:gd name="connsiteY568" fmla="*/ 6183107 h 6857967"/>
              <a:gd name="connsiteX569" fmla="*/ 8756896 w 12191941"/>
              <a:gd name="connsiteY569" fmla="*/ 6254408 h 6857967"/>
              <a:gd name="connsiteX570" fmla="*/ 8828196 w 12191941"/>
              <a:gd name="connsiteY570" fmla="*/ 6254408 h 6857967"/>
              <a:gd name="connsiteX571" fmla="*/ 8828196 w 12191941"/>
              <a:gd name="connsiteY571" fmla="*/ 6183107 h 6857967"/>
              <a:gd name="connsiteX572" fmla="*/ 8614223 w 12191941"/>
              <a:gd name="connsiteY572" fmla="*/ 6183107 h 6857967"/>
              <a:gd name="connsiteX573" fmla="*/ 8614223 w 12191941"/>
              <a:gd name="connsiteY573" fmla="*/ 6254408 h 6857967"/>
              <a:gd name="connsiteX574" fmla="*/ 8685524 w 12191941"/>
              <a:gd name="connsiteY574" fmla="*/ 6254408 h 6857967"/>
              <a:gd name="connsiteX575" fmla="*/ 8685524 w 12191941"/>
              <a:gd name="connsiteY575" fmla="*/ 6183107 h 6857967"/>
              <a:gd name="connsiteX576" fmla="*/ 8471622 w 12191941"/>
              <a:gd name="connsiteY576" fmla="*/ 6183107 h 6857967"/>
              <a:gd name="connsiteX577" fmla="*/ 8471622 w 12191941"/>
              <a:gd name="connsiteY577" fmla="*/ 6254408 h 6857967"/>
              <a:gd name="connsiteX578" fmla="*/ 8542923 w 12191941"/>
              <a:gd name="connsiteY578" fmla="*/ 6254408 h 6857967"/>
              <a:gd name="connsiteX579" fmla="*/ 8542923 w 12191941"/>
              <a:gd name="connsiteY579" fmla="*/ 6183107 h 6857967"/>
              <a:gd name="connsiteX580" fmla="*/ 8328949 w 12191941"/>
              <a:gd name="connsiteY580" fmla="*/ 6183107 h 6857967"/>
              <a:gd name="connsiteX581" fmla="*/ 8328949 w 12191941"/>
              <a:gd name="connsiteY581" fmla="*/ 6254408 h 6857967"/>
              <a:gd name="connsiteX582" fmla="*/ 8400250 w 12191941"/>
              <a:gd name="connsiteY582" fmla="*/ 6254408 h 6857967"/>
              <a:gd name="connsiteX583" fmla="*/ 8400250 w 12191941"/>
              <a:gd name="connsiteY583" fmla="*/ 6183107 h 6857967"/>
              <a:gd name="connsiteX584" fmla="*/ 8186348 w 12191941"/>
              <a:gd name="connsiteY584" fmla="*/ 6183107 h 6857967"/>
              <a:gd name="connsiteX585" fmla="*/ 8186348 w 12191941"/>
              <a:gd name="connsiteY585" fmla="*/ 6254408 h 6857967"/>
              <a:gd name="connsiteX586" fmla="*/ 8257649 w 12191941"/>
              <a:gd name="connsiteY586" fmla="*/ 6254408 h 6857967"/>
              <a:gd name="connsiteX587" fmla="*/ 8257649 w 12191941"/>
              <a:gd name="connsiteY587" fmla="*/ 6183107 h 6857967"/>
              <a:gd name="connsiteX588" fmla="*/ 8043675 w 12191941"/>
              <a:gd name="connsiteY588" fmla="*/ 6183107 h 6857967"/>
              <a:gd name="connsiteX589" fmla="*/ 8043675 w 12191941"/>
              <a:gd name="connsiteY589" fmla="*/ 6254408 h 6857967"/>
              <a:gd name="connsiteX590" fmla="*/ 8114976 w 12191941"/>
              <a:gd name="connsiteY590" fmla="*/ 6254408 h 6857967"/>
              <a:gd name="connsiteX591" fmla="*/ 8114976 w 12191941"/>
              <a:gd name="connsiteY591" fmla="*/ 6183107 h 6857967"/>
              <a:gd name="connsiteX592" fmla="*/ 7901003 w 12191941"/>
              <a:gd name="connsiteY592" fmla="*/ 6183107 h 6857967"/>
              <a:gd name="connsiteX593" fmla="*/ 7901003 w 12191941"/>
              <a:gd name="connsiteY593" fmla="*/ 6254408 h 6857967"/>
              <a:gd name="connsiteX594" fmla="*/ 7972304 w 12191941"/>
              <a:gd name="connsiteY594" fmla="*/ 6254408 h 6857967"/>
              <a:gd name="connsiteX595" fmla="*/ 7972304 w 12191941"/>
              <a:gd name="connsiteY595" fmla="*/ 6183107 h 6857967"/>
              <a:gd name="connsiteX596" fmla="*/ 7758401 w 12191941"/>
              <a:gd name="connsiteY596" fmla="*/ 6183107 h 6857967"/>
              <a:gd name="connsiteX597" fmla="*/ 7758401 w 12191941"/>
              <a:gd name="connsiteY597" fmla="*/ 6254408 h 6857967"/>
              <a:gd name="connsiteX598" fmla="*/ 7829702 w 12191941"/>
              <a:gd name="connsiteY598" fmla="*/ 6254408 h 6857967"/>
              <a:gd name="connsiteX599" fmla="*/ 7829702 w 12191941"/>
              <a:gd name="connsiteY599" fmla="*/ 6183107 h 6857967"/>
              <a:gd name="connsiteX600" fmla="*/ 7615728 w 12191941"/>
              <a:gd name="connsiteY600" fmla="*/ 6183107 h 6857967"/>
              <a:gd name="connsiteX601" fmla="*/ 7615728 w 12191941"/>
              <a:gd name="connsiteY601" fmla="*/ 6254408 h 6857967"/>
              <a:gd name="connsiteX602" fmla="*/ 7687029 w 12191941"/>
              <a:gd name="connsiteY602" fmla="*/ 6254408 h 6857967"/>
              <a:gd name="connsiteX603" fmla="*/ 7687029 w 12191941"/>
              <a:gd name="connsiteY603" fmla="*/ 6183107 h 6857967"/>
              <a:gd name="connsiteX604" fmla="*/ 7473127 w 12191941"/>
              <a:gd name="connsiteY604" fmla="*/ 6183107 h 6857967"/>
              <a:gd name="connsiteX605" fmla="*/ 7473127 w 12191941"/>
              <a:gd name="connsiteY605" fmla="*/ 6254408 h 6857967"/>
              <a:gd name="connsiteX606" fmla="*/ 7544428 w 12191941"/>
              <a:gd name="connsiteY606" fmla="*/ 6254408 h 6857967"/>
              <a:gd name="connsiteX607" fmla="*/ 7544428 w 12191941"/>
              <a:gd name="connsiteY607" fmla="*/ 6183107 h 6857967"/>
              <a:gd name="connsiteX608" fmla="*/ 7330454 w 12191941"/>
              <a:gd name="connsiteY608" fmla="*/ 6183107 h 6857967"/>
              <a:gd name="connsiteX609" fmla="*/ 7330454 w 12191941"/>
              <a:gd name="connsiteY609" fmla="*/ 6254408 h 6857967"/>
              <a:gd name="connsiteX610" fmla="*/ 7401755 w 12191941"/>
              <a:gd name="connsiteY610" fmla="*/ 6254408 h 6857967"/>
              <a:gd name="connsiteX611" fmla="*/ 7401755 w 12191941"/>
              <a:gd name="connsiteY611" fmla="*/ 6183107 h 6857967"/>
              <a:gd name="connsiteX612" fmla="*/ 7187853 w 12191941"/>
              <a:gd name="connsiteY612" fmla="*/ 6183107 h 6857967"/>
              <a:gd name="connsiteX613" fmla="*/ 7187853 w 12191941"/>
              <a:gd name="connsiteY613" fmla="*/ 6254408 h 6857967"/>
              <a:gd name="connsiteX614" fmla="*/ 7259154 w 12191941"/>
              <a:gd name="connsiteY614" fmla="*/ 6254408 h 6857967"/>
              <a:gd name="connsiteX615" fmla="*/ 7259154 w 12191941"/>
              <a:gd name="connsiteY615" fmla="*/ 6183107 h 6857967"/>
              <a:gd name="connsiteX616" fmla="*/ 7045180 w 12191941"/>
              <a:gd name="connsiteY616" fmla="*/ 6183107 h 6857967"/>
              <a:gd name="connsiteX617" fmla="*/ 7045180 w 12191941"/>
              <a:gd name="connsiteY617" fmla="*/ 6254408 h 6857967"/>
              <a:gd name="connsiteX618" fmla="*/ 7116481 w 12191941"/>
              <a:gd name="connsiteY618" fmla="*/ 6254408 h 6857967"/>
              <a:gd name="connsiteX619" fmla="*/ 7116481 w 12191941"/>
              <a:gd name="connsiteY619" fmla="*/ 6183107 h 6857967"/>
              <a:gd name="connsiteX620" fmla="*/ 6902579 w 12191941"/>
              <a:gd name="connsiteY620" fmla="*/ 6183107 h 6857967"/>
              <a:gd name="connsiteX621" fmla="*/ 6902579 w 12191941"/>
              <a:gd name="connsiteY621" fmla="*/ 6254408 h 6857967"/>
              <a:gd name="connsiteX622" fmla="*/ 6973880 w 12191941"/>
              <a:gd name="connsiteY622" fmla="*/ 6254408 h 6857967"/>
              <a:gd name="connsiteX623" fmla="*/ 6973880 w 12191941"/>
              <a:gd name="connsiteY623" fmla="*/ 6183107 h 6857967"/>
              <a:gd name="connsiteX624" fmla="*/ 6759906 w 12191941"/>
              <a:gd name="connsiteY624" fmla="*/ 6183107 h 6857967"/>
              <a:gd name="connsiteX625" fmla="*/ 6759906 w 12191941"/>
              <a:gd name="connsiteY625" fmla="*/ 6254408 h 6857967"/>
              <a:gd name="connsiteX626" fmla="*/ 6831207 w 12191941"/>
              <a:gd name="connsiteY626" fmla="*/ 6254408 h 6857967"/>
              <a:gd name="connsiteX627" fmla="*/ 6831207 w 12191941"/>
              <a:gd name="connsiteY627" fmla="*/ 6183107 h 6857967"/>
              <a:gd name="connsiteX628" fmla="*/ 6617234 w 12191941"/>
              <a:gd name="connsiteY628" fmla="*/ 6183107 h 6857967"/>
              <a:gd name="connsiteX629" fmla="*/ 6617234 w 12191941"/>
              <a:gd name="connsiteY629" fmla="*/ 6254408 h 6857967"/>
              <a:gd name="connsiteX630" fmla="*/ 6688535 w 12191941"/>
              <a:gd name="connsiteY630" fmla="*/ 6254408 h 6857967"/>
              <a:gd name="connsiteX631" fmla="*/ 6688535 w 12191941"/>
              <a:gd name="connsiteY631" fmla="*/ 6183107 h 6857967"/>
              <a:gd name="connsiteX632" fmla="*/ 6474632 w 12191941"/>
              <a:gd name="connsiteY632" fmla="*/ 6183107 h 6857967"/>
              <a:gd name="connsiteX633" fmla="*/ 6474632 w 12191941"/>
              <a:gd name="connsiteY633" fmla="*/ 6254408 h 6857967"/>
              <a:gd name="connsiteX634" fmla="*/ 6545933 w 12191941"/>
              <a:gd name="connsiteY634" fmla="*/ 6254408 h 6857967"/>
              <a:gd name="connsiteX635" fmla="*/ 6545933 w 12191941"/>
              <a:gd name="connsiteY635" fmla="*/ 6183107 h 6857967"/>
              <a:gd name="connsiteX636" fmla="*/ 6331959 w 12191941"/>
              <a:gd name="connsiteY636" fmla="*/ 6183107 h 6857967"/>
              <a:gd name="connsiteX637" fmla="*/ 6331959 w 12191941"/>
              <a:gd name="connsiteY637" fmla="*/ 6254408 h 6857967"/>
              <a:gd name="connsiteX638" fmla="*/ 6403260 w 12191941"/>
              <a:gd name="connsiteY638" fmla="*/ 6254408 h 6857967"/>
              <a:gd name="connsiteX639" fmla="*/ 6403260 w 12191941"/>
              <a:gd name="connsiteY639" fmla="*/ 6183107 h 6857967"/>
              <a:gd name="connsiteX640" fmla="*/ 6189358 w 12191941"/>
              <a:gd name="connsiteY640" fmla="*/ 6183107 h 6857967"/>
              <a:gd name="connsiteX641" fmla="*/ 6189358 w 12191941"/>
              <a:gd name="connsiteY641" fmla="*/ 6254408 h 6857967"/>
              <a:gd name="connsiteX642" fmla="*/ 6260659 w 12191941"/>
              <a:gd name="connsiteY642" fmla="*/ 6254408 h 6857967"/>
              <a:gd name="connsiteX643" fmla="*/ 6260659 w 12191941"/>
              <a:gd name="connsiteY643" fmla="*/ 6183107 h 6857967"/>
              <a:gd name="connsiteX644" fmla="*/ 6046689 w 12191941"/>
              <a:gd name="connsiteY644" fmla="*/ 6183107 h 6857967"/>
              <a:gd name="connsiteX645" fmla="*/ 6046689 w 12191941"/>
              <a:gd name="connsiteY645" fmla="*/ 6254408 h 6857967"/>
              <a:gd name="connsiteX646" fmla="*/ 6117986 w 12191941"/>
              <a:gd name="connsiteY646" fmla="*/ 6254408 h 6857967"/>
              <a:gd name="connsiteX647" fmla="*/ 6117986 w 12191941"/>
              <a:gd name="connsiteY647" fmla="*/ 6183107 h 6857967"/>
              <a:gd name="connsiteX648" fmla="*/ 5904022 w 12191941"/>
              <a:gd name="connsiteY648" fmla="*/ 6183107 h 6857967"/>
              <a:gd name="connsiteX649" fmla="*/ 5904022 w 12191941"/>
              <a:gd name="connsiteY649" fmla="*/ 6254408 h 6857967"/>
              <a:gd name="connsiteX650" fmla="*/ 5975319 w 12191941"/>
              <a:gd name="connsiteY650" fmla="*/ 6254408 h 6857967"/>
              <a:gd name="connsiteX651" fmla="*/ 5975319 w 12191941"/>
              <a:gd name="connsiteY651" fmla="*/ 6183107 h 6857967"/>
              <a:gd name="connsiteX652" fmla="*/ 5761426 w 12191941"/>
              <a:gd name="connsiteY652" fmla="*/ 6183107 h 6857967"/>
              <a:gd name="connsiteX653" fmla="*/ 5761426 w 12191941"/>
              <a:gd name="connsiteY653" fmla="*/ 6254408 h 6857967"/>
              <a:gd name="connsiteX654" fmla="*/ 5832724 w 12191941"/>
              <a:gd name="connsiteY654" fmla="*/ 6254408 h 6857967"/>
              <a:gd name="connsiteX655" fmla="*/ 5832724 w 12191941"/>
              <a:gd name="connsiteY655" fmla="*/ 6183107 h 6857967"/>
              <a:gd name="connsiteX656" fmla="*/ 5618761 w 12191941"/>
              <a:gd name="connsiteY656" fmla="*/ 6183107 h 6857967"/>
              <a:gd name="connsiteX657" fmla="*/ 5618761 w 12191941"/>
              <a:gd name="connsiteY657" fmla="*/ 6254408 h 6857967"/>
              <a:gd name="connsiteX658" fmla="*/ 5690059 w 12191941"/>
              <a:gd name="connsiteY658" fmla="*/ 6254408 h 6857967"/>
              <a:gd name="connsiteX659" fmla="*/ 5690059 w 12191941"/>
              <a:gd name="connsiteY659" fmla="*/ 6183107 h 6857967"/>
              <a:gd name="connsiteX660" fmla="*/ 5476167 w 12191941"/>
              <a:gd name="connsiteY660" fmla="*/ 6183107 h 6857967"/>
              <a:gd name="connsiteX661" fmla="*/ 5476167 w 12191941"/>
              <a:gd name="connsiteY661" fmla="*/ 6254408 h 6857967"/>
              <a:gd name="connsiteX662" fmla="*/ 5547465 w 12191941"/>
              <a:gd name="connsiteY662" fmla="*/ 6254408 h 6857967"/>
              <a:gd name="connsiteX663" fmla="*/ 5547465 w 12191941"/>
              <a:gd name="connsiteY663" fmla="*/ 6183107 h 6857967"/>
              <a:gd name="connsiteX664" fmla="*/ 5333502 w 12191941"/>
              <a:gd name="connsiteY664" fmla="*/ 6183107 h 6857967"/>
              <a:gd name="connsiteX665" fmla="*/ 5333502 w 12191941"/>
              <a:gd name="connsiteY665" fmla="*/ 6254408 h 6857967"/>
              <a:gd name="connsiteX666" fmla="*/ 5404799 w 12191941"/>
              <a:gd name="connsiteY666" fmla="*/ 6254408 h 6857967"/>
              <a:gd name="connsiteX667" fmla="*/ 5404799 w 12191941"/>
              <a:gd name="connsiteY667" fmla="*/ 6183107 h 6857967"/>
              <a:gd name="connsiteX668" fmla="*/ 5190877 w 12191941"/>
              <a:gd name="connsiteY668" fmla="*/ 6183107 h 6857967"/>
              <a:gd name="connsiteX669" fmla="*/ 5190877 w 12191941"/>
              <a:gd name="connsiteY669" fmla="*/ 6254408 h 6857967"/>
              <a:gd name="connsiteX670" fmla="*/ 5262188 w 12191941"/>
              <a:gd name="connsiteY670" fmla="*/ 6254408 h 6857967"/>
              <a:gd name="connsiteX671" fmla="*/ 5262188 w 12191941"/>
              <a:gd name="connsiteY671" fmla="*/ 6183107 h 6857967"/>
              <a:gd name="connsiteX672" fmla="*/ 5048236 w 12191941"/>
              <a:gd name="connsiteY672" fmla="*/ 6183107 h 6857967"/>
              <a:gd name="connsiteX673" fmla="*/ 5048236 w 12191941"/>
              <a:gd name="connsiteY673" fmla="*/ 6254408 h 6857967"/>
              <a:gd name="connsiteX674" fmla="*/ 5119527 w 12191941"/>
              <a:gd name="connsiteY674" fmla="*/ 6254408 h 6857967"/>
              <a:gd name="connsiteX675" fmla="*/ 5119527 w 12191941"/>
              <a:gd name="connsiteY675" fmla="*/ 6183107 h 6857967"/>
              <a:gd name="connsiteX676" fmla="*/ 4906607 w 12191941"/>
              <a:gd name="connsiteY676" fmla="*/ 6183107 h 6857967"/>
              <a:gd name="connsiteX677" fmla="*/ 4906607 w 12191941"/>
              <a:gd name="connsiteY677" fmla="*/ 6254408 h 6857967"/>
              <a:gd name="connsiteX678" fmla="*/ 4977916 w 12191941"/>
              <a:gd name="connsiteY678" fmla="*/ 6254408 h 6857967"/>
              <a:gd name="connsiteX679" fmla="*/ 4977916 w 12191941"/>
              <a:gd name="connsiteY679" fmla="*/ 6183107 h 6857967"/>
              <a:gd name="connsiteX680" fmla="*/ 4764013 w 12191941"/>
              <a:gd name="connsiteY680" fmla="*/ 6183107 h 6857967"/>
              <a:gd name="connsiteX681" fmla="*/ 4764013 w 12191941"/>
              <a:gd name="connsiteY681" fmla="*/ 6254408 h 6857967"/>
              <a:gd name="connsiteX682" fmla="*/ 4835311 w 12191941"/>
              <a:gd name="connsiteY682" fmla="*/ 6254408 h 6857967"/>
              <a:gd name="connsiteX683" fmla="*/ 4835311 w 12191941"/>
              <a:gd name="connsiteY683" fmla="*/ 6183107 h 6857967"/>
              <a:gd name="connsiteX684" fmla="*/ 4621341 w 12191941"/>
              <a:gd name="connsiteY684" fmla="*/ 6183107 h 6857967"/>
              <a:gd name="connsiteX685" fmla="*/ 4621341 w 12191941"/>
              <a:gd name="connsiteY685" fmla="*/ 6254408 h 6857967"/>
              <a:gd name="connsiteX686" fmla="*/ 4692639 w 12191941"/>
              <a:gd name="connsiteY686" fmla="*/ 6254408 h 6857967"/>
              <a:gd name="connsiteX687" fmla="*/ 4692639 w 12191941"/>
              <a:gd name="connsiteY687" fmla="*/ 6183107 h 6857967"/>
              <a:gd name="connsiteX688" fmla="*/ 4478666 w 12191941"/>
              <a:gd name="connsiteY688" fmla="*/ 6183107 h 6857967"/>
              <a:gd name="connsiteX689" fmla="*/ 4478666 w 12191941"/>
              <a:gd name="connsiteY689" fmla="*/ 6254408 h 6857967"/>
              <a:gd name="connsiteX690" fmla="*/ 4549969 w 12191941"/>
              <a:gd name="connsiteY690" fmla="*/ 6254408 h 6857967"/>
              <a:gd name="connsiteX691" fmla="*/ 4549969 w 12191941"/>
              <a:gd name="connsiteY691" fmla="*/ 6183107 h 6857967"/>
              <a:gd name="connsiteX692" fmla="*/ 4336067 w 12191941"/>
              <a:gd name="connsiteY692" fmla="*/ 6183107 h 6857967"/>
              <a:gd name="connsiteX693" fmla="*/ 4336067 w 12191941"/>
              <a:gd name="connsiteY693" fmla="*/ 6254408 h 6857967"/>
              <a:gd name="connsiteX694" fmla="*/ 4407366 w 12191941"/>
              <a:gd name="connsiteY694" fmla="*/ 6254408 h 6857967"/>
              <a:gd name="connsiteX695" fmla="*/ 4407366 w 12191941"/>
              <a:gd name="connsiteY695" fmla="*/ 6183107 h 6857967"/>
              <a:gd name="connsiteX696" fmla="*/ 4193413 w 12191941"/>
              <a:gd name="connsiteY696" fmla="*/ 6183107 h 6857967"/>
              <a:gd name="connsiteX697" fmla="*/ 4193413 w 12191941"/>
              <a:gd name="connsiteY697" fmla="*/ 6254408 h 6857967"/>
              <a:gd name="connsiteX698" fmla="*/ 4264695 w 12191941"/>
              <a:gd name="connsiteY698" fmla="*/ 6254408 h 6857967"/>
              <a:gd name="connsiteX699" fmla="*/ 4264695 w 12191941"/>
              <a:gd name="connsiteY699" fmla="*/ 6183107 h 6857967"/>
              <a:gd name="connsiteX700" fmla="*/ 4050810 w 12191941"/>
              <a:gd name="connsiteY700" fmla="*/ 6183107 h 6857967"/>
              <a:gd name="connsiteX701" fmla="*/ 4050810 w 12191941"/>
              <a:gd name="connsiteY701" fmla="*/ 6254408 h 6857967"/>
              <a:gd name="connsiteX702" fmla="*/ 4122113 w 12191941"/>
              <a:gd name="connsiteY702" fmla="*/ 6254408 h 6857967"/>
              <a:gd name="connsiteX703" fmla="*/ 4122113 w 12191941"/>
              <a:gd name="connsiteY703" fmla="*/ 6183107 h 6857967"/>
              <a:gd name="connsiteX704" fmla="*/ 3908136 w 12191941"/>
              <a:gd name="connsiteY704" fmla="*/ 6183107 h 6857967"/>
              <a:gd name="connsiteX705" fmla="*/ 3908136 w 12191941"/>
              <a:gd name="connsiteY705" fmla="*/ 6254408 h 6857967"/>
              <a:gd name="connsiteX706" fmla="*/ 3979438 w 12191941"/>
              <a:gd name="connsiteY706" fmla="*/ 6254408 h 6857967"/>
              <a:gd name="connsiteX707" fmla="*/ 3979438 w 12191941"/>
              <a:gd name="connsiteY707" fmla="*/ 6183107 h 6857967"/>
              <a:gd name="connsiteX708" fmla="*/ 3765462 w 12191941"/>
              <a:gd name="connsiteY708" fmla="*/ 6183107 h 6857967"/>
              <a:gd name="connsiteX709" fmla="*/ 3765462 w 12191941"/>
              <a:gd name="connsiteY709" fmla="*/ 6254408 h 6857967"/>
              <a:gd name="connsiteX710" fmla="*/ 3836763 w 12191941"/>
              <a:gd name="connsiteY710" fmla="*/ 6254408 h 6857967"/>
              <a:gd name="connsiteX711" fmla="*/ 3836763 w 12191941"/>
              <a:gd name="connsiteY711" fmla="*/ 6183107 h 6857967"/>
              <a:gd name="connsiteX712" fmla="*/ 3622851 w 12191941"/>
              <a:gd name="connsiteY712" fmla="*/ 6183107 h 6857967"/>
              <a:gd name="connsiteX713" fmla="*/ 3622851 w 12191941"/>
              <a:gd name="connsiteY713" fmla="*/ 6254408 h 6857967"/>
              <a:gd name="connsiteX714" fmla="*/ 3694151 w 12191941"/>
              <a:gd name="connsiteY714" fmla="*/ 6254408 h 6857967"/>
              <a:gd name="connsiteX715" fmla="*/ 3694151 w 12191941"/>
              <a:gd name="connsiteY715" fmla="*/ 6183107 h 6857967"/>
              <a:gd name="connsiteX716" fmla="*/ 3480203 w 12191941"/>
              <a:gd name="connsiteY716" fmla="*/ 6183107 h 6857967"/>
              <a:gd name="connsiteX717" fmla="*/ 3480203 w 12191941"/>
              <a:gd name="connsiteY717" fmla="*/ 6254408 h 6857967"/>
              <a:gd name="connsiteX718" fmla="*/ 3551509 w 12191941"/>
              <a:gd name="connsiteY718" fmla="*/ 6254408 h 6857967"/>
              <a:gd name="connsiteX719" fmla="*/ 3551509 w 12191941"/>
              <a:gd name="connsiteY719" fmla="*/ 6183107 h 6857967"/>
              <a:gd name="connsiteX720" fmla="*/ 3337580 w 12191941"/>
              <a:gd name="connsiteY720" fmla="*/ 6183107 h 6857967"/>
              <a:gd name="connsiteX721" fmla="*/ 3337580 w 12191941"/>
              <a:gd name="connsiteY721" fmla="*/ 6254408 h 6857967"/>
              <a:gd name="connsiteX722" fmla="*/ 3408881 w 12191941"/>
              <a:gd name="connsiteY722" fmla="*/ 6254408 h 6857967"/>
              <a:gd name="connsiteX723" fmla="*/ 3408881 w 12191941"/>
              <a:gd name="connsiteY723" fmla="*/ 6183107 h 6857967"/>
              <a:gd name="connsiteX724" fmla="*/ 3194906 w 12191941"/>
              <a:gd name="connsiteY724" fmla="*/ 6183107 h 6857967"/>
              <a:gd name="connsiteX725" fmla="*/ 3194906 w 12191941"/>
              <a:gd name="connsiteY725" fmla="*/ 6254408 h 6857967"/>
              <a:gd name="connsiteX726" fmla="*/ 3266208 w 12191941"/>
              <a:gd name="connsiteY726" fmla="*/ 6254408 h 6857967"/>
              <a:gd name="connsiteX727" fmla="*/ 3266208 w 12191941"/>
              <a:gd name="connsiteY727" fmla="*/ 6183107 h 6857967"/>
              <a:gd name="connsiteX728" fmla="*/ 3052305 w 12191941"/>
              <a:gd name="connsiteY728" fmla="*/ 6183107 h 6857967"/>
              <a:gd name="connsiteX729" fmla="*/ 3052305 w 12191941"/>
              <a:gd name="connsiteY729" fmla="*/ 6254408 h 6857967"/>
              <a:gd name="connsiteX730" fmla="*/ 3123607 w 12191941"/>
              <a:gd name="connsiteY730" fmla="*/ 6254408 h 6857967"/>
              <a:gd name="connsiteX731" fmla="*/ 3123607 w 12191941"/>
              <a:gd name="connsiteY731" fmla="*/ 6183107 h 6857967"/>
              <a:gd name="connsiteX732" fmla="*/ 2909634 w 12191941"/>
              <a:gd name="connsiteY732" fmla="*/ 6183107 h 6857967"/>
              <a:gd name="connsiteX733" fmla="*/ 2909634 w 12191941"/>
              <a:gd name="connsiteY733" fmla="*/ 6254408 h 6857967"/>
              <a:gd name="connsiteX734" fmla="*/ 2980934 w 12191941"/>
              <a:gd name="connsiteY734" fmla="*/ 6254408 h 6857967"/>
              <a:gd name="connsiteX735" fmla="*/ 2980934 w 12191941"/>
              <a:gd name="connsiteY735" fmla="*/ 6183107 h 6857967"/>
              <a:gd name="connsiteX736" fmla="*/ 2767033 w 12191941"/>
              <a:gd name="connsiteY736" fmla="*/ 6183107 h 6857967"/>
              <a:gd name="connsiteX737" fmla="*/ 2767033 w 12191941"/>
              <a:gd name="connsiteY737" fmla="*/ 6254408 h 6857967"/>
              <a:gd name="connsiteX738" fmla="*/ 2838334 w 12191941"/>
              <a:gd name="connsiteY738" fmla="*/ 6254408 h 6857967"/>
              <a:gd name="connsiteX739" fmla="*/ 2838334 w 12191941"/>
              <a:gd name="connsiteY739" fmla="*/ 6183107 h 6857967"/>
              <a:gd name="connsiteX740" fmla="*/ 2624361 w 12191941"/>
              <a:gd name="connsiteY740" fmla="*/ 6183107 h 6857967"/>
              <a:gd name="connsiteX741" fmla="*/ 2624361 w 12191941"/>
              <a:gd name="connsiteY741" fmla="*/ 6254408 h 6857967"/>
              <a:gd name="connsiteX742" fmla="*/ 2695661 w 12191941"/>
              <a:gd name="connsiteY742" fmla="*/ 6254408 h 6857967"/>
              <a:gd name="connsiteX743" fmla="*/ 2695661 w 12191941"/>
              <a:gd name="connsiteY743" fmla="*/ 6183107 h 6857967"/>
              <a:gd name="connsiteX744" fmla="*/ 2481690 w 12191941"/>
              <a:gd name="connsiteY744" fmla="*/ 6183107 h 6857967"/>
              <a:gd name="connsiteX745" fmla="*/ 2481690 w 12191941"/>
              <a:gd name="connsiteY745" fmla="*/ 6254408 h 6857967"/>
              <a:gd name="connsiteX746" fmla="*/ 2552991 w 12191941"/>
              <a:gd name="connsiteY746" fmla="*/ 6254408 h 6857967"/>
              <a:gd name="connsiteX747" fmla="*/ 2552991 w 12191941"/>
              <a:gd name="connsiteY747" fmla="*/ 6183107 h 6857967"/>
              <a:gd name="connsiteX748" fmla="*/ 2339091 w 12191941"/>
              <a:gd name="connsiteY748" fmla="*/ 6183107 h 6857967"/>
              <a:gd name="connsiteX749" fmla="*/ 2339091 w 12191941"/>
              <a:gd name="connsiteY749" fmla="*/ 6254408 h 6857967"/>
              <a:gd name="connsiteX750" fmla="*/ 2410392 w 12191941"/>
              <a:gd name="connsiteY750" fmla="*/ 6254408 h 6857967"/>
              <a:gd name="connsiteX751" fmla="*/ 2410392 w 12191941"/>
              <a:gd name="connsiteY751" fmla="*/ 6183107 h 6857967"/>
              <a:gd name="connsiteX752" fmla="*/ 2196420 w 12191941"/>
              <a:gd name="connsiteY752" fmla="*/ 6183107 h 6857967"/>
              <a:gd name="connsiteX753" fmla="*/ 2196420 w 12191941"/>
              <a:gd name="connsiteY753" fmla="*/ 6254408 h 6857967"/>
              <a:gd name="connsiteX754" fmla="*/ 2267721 w 12191941"/>
              <a:gd name="connsiteY754" fmla="*/ 6254408 h 6857967"/>
              <a:gd name="connsiteX755" fmla="*/ 2267721 w 12191941"/>
              <a:gd name="connsiteY755" fmla="*/ 6183107 h 6857967"/>
              <a:gd name="connsiteX756" fmla="*/ 2053813 w 12191941"/>
              <a:gd name="connsiteY756" fmla="*/ 6183107 h 6857967"/>
              <a:gd name="connsiteX757" fmla="*/ 2053813 w 12191941"/>
              <a:gd name="connsiteY757" fmla="*/ 6254408 h 6857967"/>
              <a:gd name="connsiteX758" fmla="*/ 2125117 w 12191941"/>
              <a:gd name="connsiteY758" fmla="*/ 6254408 h 6857967"/>
              <a:gd name="connsiteX759" fmla="*/ 2125117 w 12191941"/>
              <a:gd name="connsiteY759" fmla="*/ 6183107 h 6857967"/>
              <a:gd name="connsiteX760" fmla="*/ 1911141 w 12191941"/>
              <a:gd name="connsiteY760" fmla="*/ 6183107 h 6857967"/>
              <a:gd name="connsiteX761" fmla="*/ 1911141 w 12191941"/>
              <a:gd name="connsiteY761" fmla="*/ 6254408 h 6857967"/>
              <a:gd name="connsiteX762" fmla="*/ 1982442 w 12191941"/>
              <a:gd name="connsiteY762" fmla="*/ 6254408 h 6857967"/>
              <a:gd name="connsiteX763" fmla="*/ 1982442 w 12191941"/>
              <a:gd name="connsiteY763" fmla="*/ 6183107 h 6857967"/>
              <a:gd name="connsiteX764" fmla="*/ 1768470 w 12191941"/>
              <a:gd name="connsiteY764" fmla="*/ 6183107 h 6857967"/>
              <a:gd name="connsiteX765" fmla="*/ 1768470 w 12191941"/>
              <a:gd name="connsiteY765" fmla="*/ 6254408 h 6857967"/>
              <a:gd name="connsiteX766" fmla="*/ 1839771 w 12191941"/>
              <a:gd name="connsiteY766" fmla="*/ 6254408 h 6857967"/>
              <a:gd name="connsiteX767" fmla="*/ 1839771 w 12191941"/>
              <a:gd name="connsiteY767" fmla="*/ 6183107 h 6857967"/>
              <a:gd name="connsiteX768" fmla="*/ 1625870 w 12191941"/>
              <a:gd name="connsiteY768" fmla="*/ 6183107 h 6857967"/>
              <a:gd name="connsiteX769" fmla="*/ 1625870 w 12191941"/>
              <a:gd name="connsiteY769" fmla="*/ 6254408 h 6857967"/>
              <a:gd name="connsiteX770" fmla="*/ 1697171 w 12191941"/>
              <a:gd name="connsiteY770" fmla="*/ 6254408 h 6857967"/>
              <a:gd name="connsiteX771" fmla="*/ 1697171 w 12191941"/>
              <a:gd name="connsiteY771" fmla="*/ 6183107 h 6857967"/>
              <a:gd name="connsiteX772" fmla="*/ 1483199 w 12191941"/>
              <a:gd name="connsiteY772" fmla="*/ 6183107 h 6857967"/>
              <a:gd name="connsiteX773" fmla="*/ 1483199 w 12191941"/>
              <a:gd name="connsiteY773" fmla="*/ 6254408 h 6857967"/>
              <a:gd name="connsiteX774" fmla="*/ 1554500 w 12191941"/>
              <a:gd name="connsiteY774" fmla="*/ 6254408 h 6857967"/>
              <a:gd name="connsiteX775" fmla="*/ 1554500 w 12191941"/>
              <a:gd name="connsiteY775" fmla="*/ 6183107 h 6857967"/>
              <a:gd name="connsiteX776" fmla="*/ 1340599 w 12191941"/>
              <a:gd name="connsiteY776" fmla="*/ 6183107 h 6857967"/>
              <a:gd name="connsiteX777" fmla="*/ 1340599 w 12191941"/>
              <a:gd name="connsiteY777" fmla="*/ 6254408 h 6857967"/>
              <a:gd name="connsiteX778" fmla="*/ 1411901 w 12191941"/>
              <a:gd name="connsiteY778" fmla="*/ 6254408 h 6857967"/>
              <a:gd name="connsiteX779" fmla="*/ 1411901 w 12191941"/>
              <a:gd name="connsiteY779" fmla="*/ 6183107 h 6857967"/>
              <a:gd name="connsiteX780" fmla="*/ 1197929 w 12191941"/>
              <a:gd name="connsiteY780" fmla="*/ 6183107 h 6857967"/>
              <a:gd name="connsiteX781" fmla="*/ 1197929 w 12191941"/>
              <a:gd name="connsiteY781" fmla="*/ 6254408 h 6857967"/>
              <a:gd name="connsiteX782" fmla="*/ 1269230 w 12191941"/>
              <a:gd name="connsiteY782" fmla="*/ 6254408 h 6857967"/>
              <a:gd name="connsiteX783" fmla="*/ 1269230 w 12191941"/>
              <a:gd name="connsiteY783" fmla="*/ 6183107 h 6857967"/>
              <a:gd name="connsiteX784" fmla="*/ 1055311 w 12191941"/>
              <a:gd name="connsiteY784" fmla="*/ 6183107 h 6857967"/>
              <a:gd name="connsiteX785" fmla="*/ 1055311 w 12191941"/>
              <a:gd name="connsiteY785" fmla="*/ 6254408 h 6857967"/>
              <a:gd name="connsiteX786" fmla="*/ 1126612 w 12191941"/>
              <a:gd name="connsiteY786" fmla="*/ 6254408 h 6857967"/>
              <a:gd name="connsiteX787" fmla="*/ 1126612 w 12191941"/>
              <a:gd name="connsiteY787" fmla="*/ 6183107 h 6857967"/>
              <a:gd name="connsiteX788" fmla="*/ 912657 w 12191941"/>
              <a:gd name="connsiteY788" fmla="*/ 6183107 h 6857967"/>
              <a:gd name="connsiteX789" fmla="*/ 912657 w 12191941"/>
              <a:gd name="connsiteY789" fmla="*/ 6254408 h 6857967"/>
              <a:gd name="connsiteX790" fmla="*/ 983958 w 12191941"/>
              <a:gd name="connsiteY790" fmla="*/ 6254408 h 6857967"/>
              <a:gd name="connsiteX791" fmla="*/ 983958 w 12191941"/>
              <a:gd name="connsiteY791" fmla="*/ 6183107 h 6857967"/>
              <a:gd name="connsiteX792" fmla="*/ 771136 w 12191941"/>
              <a:gd name="connsiteY792" fmla="*/ 6183107 h 6857967"/>
              <a:gd name="connsiteX793" fmla="*/ 771136 w 12191941"/>
              <a:gd name="connsiteY793" fmla="*/ 6254408 h 6857967"/>
              <a:gd name="connsiteX794" fmla="*/ 842437 w 12191941"/>
              <a:gd name="connsiteY794" fmla="*/ 6254408 h 6857967"/>
              <a:gd name="connsiteX795" fmla="*/ 842437 w 12191941"/>
              <a:gd name="connsiteY795" fmla="*/ 6183107 h 6857967"/>
              <a:gd name="connsiteX796" fmla="*/ 628534 w 12191941"/>
              <a:gd name="connsiteY796" fmla="*/ 6183107 h 6857967"/>
              <a:gd name="connsiteX797" fmla="*/ 628534 w 12191941"/>
              <a:gd name="connsiteY797" fmla="*/ 6254408 h 6857967"/>
              <a:gd name="connsiteX798" fmla="*/ 699835 w 12191941"/>
              <a:gd name="connsiteY798" fmla="*/ 6254408 h 6857967"/>
              <a:gd name="connsiteX799" fmla="*/ 699835 w 12191941"/>
              <a:gd name="connsiteY799" fmla="*/ 6183107 h 6857967"/>
              <a:gd name="connsiteX800" fmla="*/ 485863 w 12191941"/>
              <a:gd name="connsiteY800" fmla="*/ 6183107 h 6857967"/>
              <a:gd name="connsiteX801" fmla="*/ 485863 w 12191941"/>
              <a:gd name="connsiteY801" fmla="*/ 6254408 h 6857967"/>
              <a:gd name="connsiteX802" fmla="*/ 557163 w 12191941"/>
              <a:gd name="connsiteY802" fmla="*/ 6254408 h 6857967"/>
              <a:gd name="connsiteX803" fmla="*/ 557163 w 12191941"/>
              <a:gd name="connsiteY803" fmla="*/ 6183107 h 6857967"/>
              <a:gd name="connsiteX804" fmla="*/ 343191 w 12191941"/>
              <a:gd name="connsiteY804" fmla="*/ 6183107 h 6857967"/>
              <a:gd name="connsiteX805" fmla="*/ 343191 w 12191941"/>
              <a:gd name="connsiteY805" fmla="*/ 6254408 h 6857967"/>
              <a:gd name="connsiteX806" fmla="*/ 414492 w 12191941"/>
              <a:gd name="connsiteY806" fmla="*/ 6254408 h 6857967"/>
              <a:gd name="connsiteX807" fmla="*/ 414492 w 12191941"/>
              <a:gd name="connsiteY807" fmla="*/ 6183107 h 6857967"/>
              <a:gd name="connsiteX808" fmla="*/ 200590 w 12191941"/>
              <a:gd name="connsiteY808" fmla="*/ 6183107 h 6857967"/>
              <a:gd name="connsiteX809" fmla="*/ 200590 w 12191941"/>
              <a:gd name="connsiteY809" fmla="*/ 6254408 h 6857967"/>
              <a:gd name="connsiteX810" fmla="*/ 271891 w 12191941"/>
              <a:gd name="connsiteY810" fmla="*/ 6254408 h 6857967"/>
              <a:gd name="connsiteX811" fmla="*/ 271891 w 12191941"/>
              <a:gd name="connsiteY811" fmla="*/ 6183107 h 6857967"/>
              <a:gd name="connsiteX812" fmla="*/ 57918 w 12191941"/>
              <a:gd name="connsiteY812" fmla="*/ 6183107 h 6857967"/>
              <a:gd name="connsiteX813" fmla="*/ 57918 w 12191941"/>
              <a:gd name="connsiteY813" fmla="*/ 6254408 h 6857967"/>
              <a:gd name="connsiteX814" fmla="*/ 129219 w 12191941"/>
              <a:gd name="connsiteY814" fmla="*/ 6254408 h 6857967"/>
              <a:gd name="connsiteX815" fmla="*/ 129219 w 12191941"/>
              <a:gd name="connsiteY815" fmla="*/ 6183107 h 6857967"/>
              <a:gd name="connsiteX816" fmla="*/ 10040665 w 12191941"/>
              <a:gd name="connsiteY816" fmla="*/ 6040435 h 6857967"/>
              <a:gd name="connsiteX817" fmla="*/ 10040665 w 12191941"/>
              <a:gd name="connsiteY817" fmla="*/ 6111736 h 6857967"/>
              <a:gd name="connsiteX818" fmla="*/ 10111966 w 12191941"/>
              <a:gd name="connsiteY818" fmla="*/ 6111736 h 6857967"/>
              <a:gd name="connsiteX819" fmla="*/ 10111966 w 12191941"/>
              <a:gd name="connsiteY819" fmla="*/ 6040435 h 6857967"/>
              <a:gd name="connsiteX820" fmla="*/ 9898063 w 12191941"/>
              <a:gd name="connsiteY820" fmla="*/ 6040435 h 6857967"/>
              <a:gd name="connsiteX821" fmla="*/ 9898063 w 12191941"/>
              <a:gd name="connsiteY821" fmla="*/ 6111736 h 6857967"/>
              <a:gd name="connsiteX822" fmla="*/ 9969363 w 12191941"/>
              <a:gd name="connsiteY822" fmla="*/ 6111736 h 6857967"/>
              <a:gd name="connsiteX823" fmla="*/ 9969363 w 12191941"/>
              <a:gd name="connsiteY823" fmla="*/ 6040435 h 6857967"/>
              <a:gd name="connsiteX824" fmla="*/ 9755391 w 12191941"/>
              <a:gd name="connsiteY824" fmla="*/ 6040435 h 6857967"/>
              <a:gd name="connsiteX825" fmla="*/ 9755391 w 12191941"/>
              <a:gd name="connsiteY825" fmla="*/ 6111736 h 6857967"/>
              <a:gd name="connsiteX826" fmla="*/ 9826692 w 12191941"/>
              <a:gd name="connsiteY826" fmla="*/ 6111736 h 6857967"/>
              <a:gd name="connsiteX827" fmla="*/ 9826692 w 12191941"/>
              <a:gd name="connsiteY827" fmla="*/ 6040435 h 6857967"/>
              <a:gd name="connsiteX828" fmla="*/ 9612718 w 12191941"/>
              <a:gd name="connsiteY828" fmla="*/ 6040435 h 6857967"/>
              <a:gd name="connsiteX829" fmla="*/ 9612718 w 12191941"/>
              <a:gd name="connsiteY829" fmla="*/ 6111736 h 6857967"/>
              <a:gd name="connsiteX830" fmla="*/ 9684019 w 12191941"/>
              <a:gd name="connsiteY830" fmla="*/ 6111736 h 6857967"/>
              <a:gd name="connsiteX831" fmla="*/ 9684019 w 12191941"/>
              <a:gd name="connsiteY831" fmla="*/ 6040435 h 6857967"/>
              <a:gd name="connsiteX832" fmla="*/ 9470117 w 12191941"/>
              <a:gd name="connsiteY832" fmla="*/ 6040435 h 6857967"/>
              <a:gd name="connsiteX833" fmla="*/ 9470117 w 12191941"/>
              <a:gd name="connsiteY833" fmla="*/ 6111736 h 6857967"/>
              <a:gd name="connsiteX834" fmla="*/ 9541417 w 12191941"/>
              <a:gd name="connsiteY834" fmla="*/ 6111736 h 6857967"/>
              <a:gd name="connsiteX835" fmla="*/ 9541417 w 12191941"/>
              <a:gd name="connsiteY835" fmla="*/ 6040435 h 6857967"/>
              <a:gd name="connsiteX836" fmla="*/ 9327444 w 12191941"/>
              <a:gd name="connsiteY836" fmla="*/ 6040435 h 6857967"/>
              <a:gd name="connsiteX837" fmla="*/ 9327444 w 12191941"/>
              <a:gd name="connsiteY837" fmla="*/ 6111736 h 6857967"/>
              <a:gd name="connsiteX838" fmla="*/ 9398745 w 12191941"/>
              <a:gd name="connsiteY838" fmla="*/ 6111736 h 6857967"/>
              <a:gd name="connsiteX839" fmla="*/ 9398745 w 12191941"/>
              <a:gd name="connsiteY839" fmla="*/ 6040435 h 6857967"/>
              <a:gd name="connsiteX840" fmla="*/ 9184842 w 12191941"/>
              <a:gd name="connsiteY840" fmla="*/ 6040435 h 6857967"/>
              <a:gd name="connsiteX841" fmla="*/ 9184842 w 12191941"/>
              <a:gd name="connsiteY841" fmla="*/ 6111736 h 6857967"/>
              <a:gd name="connsiteX842" fmla="*/ 9256143 w 12191941"/>
              <a:gd name="connsiteY842" fmla="*/ 6111736 h 6857967"/>
              <a:gd name="connsiteX843" fmla="*/ 9256143 w 12191941"/>
              <a:gd name="connsiteY843" fmla="*/ 6040435 h 6857967"/>
              <a:gd name="connsiteX844" fmla="*/ 9042170 w 12191941"/>
              <a:gd name="connsiteY844" fmla="*/ 6040435 h 6857967"/>
              <a:gd name="connsiteX845" fmla="*/ 9042170 w 12191941"/>
              <a:gd name="connsiteY845" fmla="*/ 6111736 h 6857967"/>
              <a:gd name="connsiteX846" fmla="*/ 9113471 w 12191941"/>
              <a:gd name="connsiteY846" fmla="*/ 6111736 h 6857967"/>
              <a:gd name="connsiteX847" fmla="*/ 9113471 w 12191941"/>
              <a:gd name="connsiteY847" fmla="*/ 6040435 h 6857967"/>
              <a:gd name="connsiteX848" fmla="*/ 8899568 w 12191941"/>
              <a:gd name="connsiteY848" fmla="*/ 6040435 h 6857967"/>
              <a:gd name="connsiteX849" fmla="*/ 8899568 w 12191941"/>
              <a:gd name="connsiteY849" fmla="*/ 6111736 h 6857967"/>
              <a:gd name="connsiteX850" fmla="*/ 8970869 w 12191941"/>
              <a:gd name="connsiteY850" fmla="*/ 6111736 h 6857967"/>
              <a:gd name="connsiteX851" fmla="*/ 8970869 w 12191941"/>
              <a:gd name="connsiteY851" fmla="*/ 6040435 h 6857967"/>
              <a:gd name="connsiteX852" fmla="*/ 8756896 w 12191941"/>
              <a:gd name="connsiteY852" fmla="*/ 6040435 h 6857967"/>
              <a:gd name="connsiteX853" fmla="*/ 8756896 w 12191941"/>
              <a:gd name="connsiteY853" fmla="*/ 6111736 h 6857967"/>
              <a:gd name="connsiteX854" fmla="*/ 8828196 w 12191941"/>
              <a:gd name="connsiteY854" fmla="*/ 6111736 h 6857967"/>
              <a:gd name="connsiteX855" fmla="*/ 8828196 w 12191941"/>
              <a:gd name="connsiteY855" fmla="*/ 6040435 h 6857967"/>
              <a:gd name="connsiteX856" fmla="*/ 8614223 w 12191941"/>
              <a:gd name="connsiteY856" fmla="*/ 6040435 h 6857967"/>
              <a:gd name="connsiteX857" fmla="*/ 8614223 w 12191941"/>
              <a:gd name="connsiteY857" fmla="*/ 6111736 h 6857967"/>
              <a:gd name="connsiteX858" fmla="*/ 8685524 w 12191941"/>
              <a:gd name="connsiteY858" fmla="*/ 6111736 h 6857967"/>
              <a:gd name="connsiteX859" fmla="*/ 8685524 w 12191941"/>
              <a:gd name="connsiteY859" fmla="*/ 6040435 h 6857967"/>
              <a:gd name="connsiteX860" fmla="*/ 8471622 w 12191941"/>
              <a:gd name="connsiteY860" fmla="*/ 6040435 h 6857967"/>
              <a:gd name="connsiteX861" fmla="*/ 8471622 w 12191941"/>
              <a:gd name="connsiteY861" fmla="*/ 6111736 h 6857967"/>
              <a:gd name="connsiteX862" fmla="*/ 8542923 w 12191941"/>
              <a:gd name="connsiteY862" fmla="*/ 6111736 h 6857967"/>
              <a:gd name="connsiteX863" fmla="*/ 8542923 w 12191941"/>
              <a:gd name="connsiteY863" fmla="*/ 6040435 h 6857967"/>
              <a:gd name="connsiteX864" fmla="*/ 8328949 w 12191941"/>
              <a:gd name="connsiteY864" fmla="*/ 6040435 h 6857967"/>
              <a:gd name="connsiteX865" fmla="*/ 8328949 w 12191941"/>
              <a:gd name="connsiteY865" fmla="*/ 6111736 h 6857967"/>
              <a:gd name="connsiteX866" fmla="*/ 8400250 w 12191941"/>
              <a:gd name="connsiteY866" fmla="*/ 6111736 h 6857967"/>
              <a:gd name="connsiteX867" fmla="*/ 8400250 w 12191941"/>
              <a:gd name="connsiteY867" fmla="*/ 6040435 h 6857967"/>
              <a:gd name="connsiteX868" fmla="*/ 8186348 w 12191941"/>
              <a:gd name="connsiteY868" fmla="*/ 6040435 h 6857967"/>
              <a:gd name="connsiteX869" fmla="*/ 8186348 w 12191941"/>
              <a:gd name="connsiteY869" fmla="*/ 6111736 h 6857967"/>
              <a:gd name="connsiteX870" fmla="*/ 8257649 w 12191941"/>
              <a:gd name="connsiteY870" fmla="*/ 6111736 h 6857967"/>
              <a:gd name="connsiteX871" fmla="*/ 8257649 w 12191941"/>
              <a:gd name="connsiteY871" fmla="*/ 6040435 h 6857967"/>
              <a:gd name="connsiteX872" fmla="*/ 8043675 w 12191941"/>
              <a:gd name="connsiteY872" fmla="*/ 6040435 h 6857967"/>
              <a:gd name="connsiteX873" fmla="*/ 8043675 w 12191941"/>
              <a:gd name="connsiteY873" fmla="*/ 6111736 h 6857967"/>
              <a:gd name="connsiteX874" fmla="*/ 8114976 w 12191941"/>
              <a:gd name="connsiteY874" fmla="*/ 6111736 h 6857967"/>
              <a:gd name="connsiteX875" fmla="*/ 8114976 w 12191941"/>
              <a:gd name="connsiteY875" fmla="*/ 6040435 h 6857967"/>
              <a:gd name="connsiteX876" fmla="*/ 7901003 w 12191941"/>
              <a:gd name="connsiteY876" fmla="*/ 6040435 h 6857967"/>
              <a:gd name="connsiteX877" fmla="*/ 7901003 w 12191941"/>
              <a:gd name="connsiteY877" fmla="*/ 6111736 h 6857967"/>
              <a:gd name="connsiteX878" fmla="*/ 7972304 w 12191941"/>
              <a:gd name="connsiteY878" fmla="*/ 6111736 h 6857967"/>
              <a:gd name="connsiteX879" fmla="*/ 7972304 w 12191941"/>
              <a:gd name="connsiteY879" fmla="*/ 6040435 h 6857967"/>
              <a:gd name="connsiteX880" fmla="*/ 7758401 w 12191941"/>
              <a:gd name="connsiteY880" fmla="*/ 6040435 h 6857967"/>
              <a:gd name="connsiteX881" fmla="*/ 7758401 w 12191941"/>
              <a:gd name="connsiteY881" fmla="*/ 6111736 h 6857967"/>
              <a:gd name="connsiteX882" fmla="*/ 7829702 w 12191941"/>
              <a:gd name="connsiteY882" fmla="*/ 6111736 h 6857967"/>
              <a:gd name="connsiteX883" fmla="*/ 7829702 w 12191941"/>
              <a:gd name="connsiteY883" fmla="*/ 6040435 h 6857967"/>
              <a:gd name="connsiteX884" fmla="*/ 7615728 w 12191941"/>
              <a:gd name="connsiteY884" fmla="*/ 6040435 h 6857967"/>
              <a:gd name="connsiteX885" fmla="*/ 7615728 w 12191941"/>
              <a:gd name="connsiteY885" fmla="*/ 6111736 h 6857967"/>
              <a:gd name="connsiteX886" fmla="*/ 7687029 w 12191941"/>
              <a:gd name="connsiteY886" fmla="*/ 6111736 h 6857967"/>
              <a:gd name="connsiteX887" fmla="*/ 7687029 w 12191941"/>
              <a:gd name="connsiteY887" fmla="*/ 6040435 h 6857967"/>
              <a:gd name="connsiteX888" fmla="*/ 7473127 w 12191941"/>
              <a:gd name="connsiteY888" fmla="*/ 6040435 h 6857967"/>
              <a:gd name="connsiteX889" fmla="*/ 7473127 w 12191941"/>
              <a:gd name="connsiteY889" fmla="*/ 6111736 h 6857967"/>
              <a:gd name="connsiteX890" fmla="*/ 7544428 w 12191941"/>
              <a:gd name="connsiteY890" fmla="*/ 6111736 h 6857967"/>
              <a:gd name="connsiteX891" fmla="*/ 7544428 w 12191941"/>
              <a:gd name="connsiteY891" fmla="*/ 6040435 h 6857967"/>
              <a:gd name="connsiteX892" fmla="*/ 7330454 w 12191941"/>
              <a:gd name="connsiteY892" fmla="*/ 6040435 h 6857967"/>
              <a:gd name="connsiteX893" fmla="*/ 7330454 w 12191941"/>
              <a:gd name="connsiteY893" fmla="*/ 6111736 h 6857967"/>
              <a:gd name="connsiteX894" fmla="*/ 7401755 w 12191941"/>
              <a:gd name="connsiteY894" fmla="*/ 6111736 h 6857967"/>
              <a:gd name="connsiteX895" fmla="*/ 7401755 w 12191941"/>
              <a:gd name="connsiteY895" fmla="*/ 6040435 h 6857967"/>
              <a:gd name="connsiteX896" fmla="*/ 7187853 w 12191941"/>
              <a:gd name="connsiteY896" fmla="*/ 6040435 h 6857967"/>
              <a:gd name="connsiteX897" fmla="*/ 7187853 w 12191941"/>
              <a:gd name="connsiteY897" fmla="*/ 6111736 h 6857967"/>
              <a:gd name="connsiteX898" fmla="*/ 7259154 w 12191941"/>
              <a:gd name="connsiteY898" fmla="*/ 6111736 h 6857967"/>
              <a:gd name="connsiteX899" fmla="*/ 7259154 w 12191941"/>
              <a:gd name="connsiteY899" fmla="*/ 6040435 h 6857967"/>
              <a:gd name="connsiteX900" fmla="*/ 7045180 w 12191941"/>
              <a:gd name="connsiteY900" fmla="*/ 6040435 h 6857967"/>
              <a:gd name="connsiteX901" fmla="*/ 7045180 w 12191941"/>
              <a:gd name="connsiteY901" fmla="*/ 6111736 h 6857967"/>
              <a:gd name="connsiteX902" fmla="*/ 7116481 w 12191941"/>
              <a:gd name="connsiteY902" fmla="*/ 6111736 h 6857967"/>
              <a:gd name="connsiteX903" fmla="*/ 7116481 w 12191941"/>
              <a:gd name="connsiteY903" fmla="*/ 6040435 h 6857967"/>
              <a:gd name="connsiteX904" fmla="*/ 6902579 w 12191941"/>
              <a:gd name="connsiteY904" fmla="*/ 6040435 h 6857967"/>
              <a:gd name="connsiteX905" fmla="*/ 6902579 w 12191941"/>
              <a:gd name="connsiteY905" fmla="*/ 6111736 h 6857967"/>
              <a:gd name="connsiteX906" fmla="*/ 6973880 w 12191941"/>
              <a:gd name="connsiteY906" fmla="*/ 6111736 h 6857967"/>
              <a:gd name="connsiteX907" fmla="*/ 6973880 w 12191941"/>
              <a:gd name="connsiteY907" fmla="*/ 6040435 h 6857967"/>
              <a:gd name="connsiteX908" fmla="*/ 6759906 w 12191941"/>
              <a:gd name="connsiteY908" fmla="*/ 6040435 h 6857967"/>
              <a:gd name="connsiteX909" fmla="*/ 6759906 w 12191941"/>
              <a:gd name="connsiteY909" fmla="*/ 6111736 h 6857967"/>
              <a:gd name="connsiteX910" fmla="*/ 6831207 w 12191941"/>
              <a:gd name="connsiteY910" fmla="*/ 6111736 h 6857967"/>
              <a:gd name="connsiteX911" fmla="*/ 6831207 w 12191941"/>
              <a:gd name="connsiteY911" fmla="*/ 6040435 h 6857967"/>
              <a:gd name="connsiteX912" fmla="*/ 6617234 w 12191941"/>
              <a:gd name="connsiteY912" fmla="*/ 6040435 h 6857967"/>
              <a:gd name="connsiteX913" fmla="*/ 6617234 w 12191941"/>
              <a:gd name="connsiteY913" fmla="*/ 6111736 h 6857967"/>
              <a:gd name="connsiteX914" fmla="*/ 6688535 w 12191941"/>
              <a:gd name="connsiteY914" fmla="*/ 6111736 h 6857967"/>
              <a:gd name="connsiteX915" fmla="*/ 6688535 w 12191941"/>
              <a:gd name="connsiteY915" fmla="*/ 6040435 h 6857967"/>
              <a:gd name="connsiteX916" fmla="*/ 6474632 w 12191941"/>
              <a:gd name="connsiteY916" fmla="*/ 6040435 h 6857967"/>
              <a:gd name="connsiteX917" fmla="*/ 6474632 w 12191941"/>
              <a:gd name="connsiteY917" fmla="*/ 6111736 h 6857967"/>
              <a:gd name="connsiteX918" fmla="*/ 6545933 w 12191941"/>
              <a:gd name="connsiteY918" fmla="*/ 6111736 h 6857967"/>
              <a:gd name="connsiteX919" fmla="*/ 6545933 w 12191941"/>
              <a:gd name="connsiteY919" fmla="*/ 6040435 h 6857967"/>
              <a:gd name="connsiteX920" fmla="*/ 6331959 w 12191941"/>
              <a:gd name="connsiteY920" fmla="*/ 6040435 h 6857967"/>
              <a:gd name="connsiteX921" fmla="*/ 6331959 w 12191941"/>
              <a:gd name="connsiteY921" fmla="*/ 6111736 h 6857967"/>
              <a:gd name="connsiteX922" fmla="*/ 6403260 w 12191941"/>
              <a:gd name="connsiteY922" fmla="*/ 6111736 h 6857967"/>
              <a:gd name="connsiteX923" fmla="*/ 6403260 w 12191941"/>
              <a:gd name="connsiteY923" fmla="*/ 6040435 h 6857967"/>
              <a:gd name="connsiteX924" fmla="*/ 6189358 w 12191941"/>
              <a:gd name="connsiteY924" fmla="*/ 6040435 h 6857967"/>
              <a:gd name="connsiteX925" fmla="*/ 6189358 w 12191941"/>
              <a:gd name="connsiteY925" fmla="*/ 6111736 h 6857967"/>
              <a:gd name="connsiteX926" fmla="*/ 6260659 w 12191941"/>
              <a:gd name="connsiteY926" fmla="*/ 6111736 h 6857967"/>
              <a:gd name="connsiteX927" fmla="*/ 6260659 w 12191941"/>
              <a:gd name="connsiteY927" fmla="*/ 6040435 h 6857967"/>
              <a:gd name="connsiteX928" fmla="*/ 6046689 w 12191941"/>
              <a:gd name="connsiteY928" fmla="*/ 6040435 h 6857967"/>
              <a:gd name="connsiteX929" fmla="*/ 6046689 w 12191941"/>
              <a:gd name="connsiteY929" fmla="*/ 6111736 h 6857967"/>
              <a:gd name="connsiteX930" fmla="*/ 6117986 w 12191941"/>
              <a:gd name="connsiteY930" fmla="*/ 6111736 h 6857967"/>
              <a:gd name="connsiteX931" fmla="*/ 6117986 w 12191941"/>
              <a:gd name="connsiteY931" fmla="*/ 6040435 h 6857967"/>
              <a:gd name="connsiteX932" fmla="*/ 5904022 w 12191941"/>
              <a:gd name="connsiteY932" fmla="*/ 6040435 h 6857967"/>
              <a:gd name="connsiteX933" fmla="*/ 5904022 w 12191941"/>
              <a:gd name="connsiteY933" fmla="*/ 6111736 h 6857967"/>
              <a:gd name="connsiteX934" fmla="*/ 5975319 w 12191941"/>
              <a:gd name="connsiteY934" fmla="*/ 6111736 h 6857967"/>
              <a:gd name="connsiteX935" fmla="*/ 5975319 w 12191941"/>
              <a:gd name="connsiteY935" fmla="*/ 6040435 h 6857967"/>
              <a:gd name="connsiteX936" fmla="*/ 5761426 w 12191941"/>
              <a:gd name="connsiteY936" fmla="*/ 6040435 h 6857967"/>
              <a:gd name="connsiteX937" fmla="*/ 5761426 w 12191941"/>
              <a:gd name="connsiteY937" fmla="*/ 6111736 h 6857967"/>
              <a:gd name="connsiteX938" fmla="*/ 5832724 w 12191941"/>
              <a:gd name="connsiteY938" fmla="*/ 6111736 h 6857967"/>
              <a:gd name="connsiteX939" fmla="*/ 5832724 w 12191941"/>
              <a:gd name="connsiteY939" fmla="*/ 6040435 h 6857967"/>
              <a:gd name="connsiteX940" fmla="*/ 5618761 w 12191941"/>
              <a:gd name="connsiteY940" fmla="*/ 6040435 h 6857967"/>
              <a:gd name="connsiteX941" fmla="*/ 5618761 w 12191941"/>
              <a:gd name="connsiteY941" fmla="*/ 6111736 h 6857967"/>
              <a:gd name="connsiteX942" fmla="*/ 5690059 w 12191941"/>
              <a:gd name="connsiteY942" fmla="*/ 6111736 h 6857967"/>
              <a:gd name="connsiteX943" fmla="*/ 5690059 w 12191941"/>
              <a:gd name="connsiteY943" fmla="*/ 6040435 h 6857967"/>
              <a:gd name="connsiteX944" fmla="*/ 5476167 w 12191941"/>
              <a:gd name="connsiteY944" fmla="*/ 6040435 h 6857967"/>
              <a:gd name="connsiteX945" fmla="*/ 5476167 w 12191941"/>
              <a:gd name="connsiteY945" fmla="*/ 6111736 h 6857967"/>
              <a:gd name="connsiteX946" fmla="*/ 5547465 w 12191941"/>
              <a:gd name="connsiteY946" fmla="*/ 6111736 h 6857967"/>
              <a:gd name="connsiteX947" fmla="*/ 5547465 w 12191941"/>
              <a:gd name="connsiteY947" fmla="*/ 6040435 h 6857967"/>
              <a:gd name="connsiteX948" fmla="*/ 5333502 w 12191941"/>
              <a:gd name="connsiteY948" fmla="*/ 6040435 h 6857967"/>
              <a:gd name="connsiteX949" fmla="*/ 5333502 w 12191941"/>
              <a:gd name="connsiteY949" fmla="*/ 6111736 h 6857967"/>
              <a:gd name="connsiteX950" fmla="*/ 5404800 w 12191941"/>
              <a:gd name="connsiteY950" fmla="*/ 6111736 h 6857967"/>
              <a:gd name="connsiteX951" fmla="*/ 5404800 w 12191941"/>
              <a:gd name="connsiteY951" fmla="*/ 6040435 h 6857967"/>
              <a:gd name="connsiteX952" fmla="*/ 5190877 w 12191941"/>
              <a:gd name="connsiteY952" fmla="*/ 6040435 h 6857967"/>
              <a:gd name="connsiteX953" fmla="*/ 5190877 w 12191941"/>
              <a:gd name="connsiteY953" fmla="*/ 6111736 h 6857967"/>
              <a:gd name="connsiteX954" fmla="*/ 5262188 w 12191941"/>
              <a:gd name="connsiteY954" fmla="*/ 6111736 h 6857967"/>
              <a:gd name="connsiteX955" fmla="*/ 5262188 w 12191941"/>
              <a:gd name="connsiteY955" fmla="*/ 6040435 h 6857967"/>
              <a:gd name="connsiteX956" fmla="*/ 5048236 w 12191941"/>
              <a:gd name="connsiteY956" fmla="*/ 6040435 h 6857967"/>
              <a:gd name="connsiteX957" fmla="*/ 5048236 w 12191941"/>
              <a:gd name="connsiteY957" fmla="*/ 6111736 h 6857967"/>
              <a:gd name="connsiteX958" fmla="*/ 5119527 w 12191941"/>
              <a:gd name="connsiteY958" fmla="*/ 6111736 h 6857967"/>
              <a:gd name="connsiteX959" fmla="*/ 5119527 w 12191941"/>
              <a:gd name="connsiteY959" fmla="*/ 6040435 h 6857967"/>
              <a:gd name="connsiteX960" fmla="*/ 4906607 w 12191941"/>
              <a:gd name="connsiteY960" fmla="*/ 6040435 h 6857967"/>
              <a:gd name="connsiteX961" fmla="*/ 4906607 w 12191941"/>
              <a:gd name="connsiteY961" fmla="*/ 6111736 h 6857967"/>
              <a:gd name="connsiteX962" fmla="*/ 4977916 w 12191941"/>
              <a:gd name="connsiteY962" fmla="*/ 6111736 h 6857967"/>
              <a:gd name="connsiteX963" fmla="*/ 4977916 w 12191941"/>
              <a:gd name="connsiteY963" fmla="*/ 6040435 h 6857967"/>
              <a:gd name="connsiteX964" fmla="*/ 4764013 w 12191941"/>
              <a:gd name="connsiteY964" fmla="*/ 6040435 h 6857967"/>
              <a:gd name="connsiteX965" fmla="*/ 4764013 w 12191941"/>
              <a:gd name="connsiteY965" fmla="*/ 6111736 h 6857967"/>
              <a:gd name="connsiteX966" fmla="*/ 4835311 w 12191941"/>
              <a:gd name="connsiteY966" fmla="*/ 6111736 h 6857967"/>
              <a:gd name="connsiteX967" fmla="*/ 4835311 w 12191941"/>
              <a:gd name="connsiteY967" fmla="*/ 6040435 h 6857967"/>
              <a:gd name="connsiteX968" fmla="*/ 4621341 w 12191941"/>
              <a:gd name="connsiteY968" fmla="*/ 6040435 h 6857967"/>
              <a:gd name="connsiteX969" fmla="*/ 4621341 w 12191941"/>
              <a:gd name="connsiteY969" fmla="*/ 6111736 h 6857967"/>
              <a:gd name="connsiteX970" fmla="*/ 4692639 w 12191941"/>
              <a:gd name="connsiteY970" fmla="*/ 6111736 h 6857967"/>
              <a:gd name="connsiteX971" fmla="*/ 4692639 w 12191941"/>
              <a:gd name="connsiteY971" fmla="*/ 6040435 h 6857967"/>
              <a:gd name="connsiteX972" fmla="*/ 4478666 w 12191941"/>
              <a:gd name="connsiteY972" fmla="*/ 6040435 h 6857967"/>
              <a:gd name="connsiteX973" fmla="*/ 4478666 w 12191941"/>
              <a:gd name="connsiteY973" fmla="*/ 6111736 h 6857967"/>
              <a:gd name="connsiteX974" fmla="*/ 4549971 w 12191941"/>
              <a:gd name="connsiteY974" fmla="*/ 6111736 h 6857967"/>
              <a:gd name="connsiteX975" fmla="*/ 4549971 w 12191941"/>
              <a:gd name="connsiteY975" fmla="*/ 6040435 h 6857967"/>
              <a:gd name="connsiteX976" fmla="*/ 4336067 w 12191941"/>
              <a:gd name="connsiteY976" fmla="*/ 6040435 h 6857967"/>
              <a:gd name="connsiteX977" fmla="*/ 4336067 w 12191941"/>
              <a:gd name="connsiteY977" fmla="*/ 6111736 h 6857967"/>
              <a:gd name="connsiteX978" fmla="*/ 4407366 w 12191941"/>
              <a:gd name="connsiteY978" fmla="*/ 6111736 h 6857967"/>
              <a:gd name="connsiteX979" fmla="*/ 4407366 w 12191941"/>
              <a:gd name="connsiteY979" fmla="*/ 6040435 h 6857967"/>
              <a:gd name="connsiteX980" fmla="*/ 4193413 w 12191941"/>
              <a:gd name="connsiteY980" fmla="*/ 6040435 h 6857967"/>
              <a:gd name="connsiteX981" fmla="*/ 4193413 w 12191941"/>
              <a:gd name="connsiteY981" fmla="*/ 6111736 h 6857967"/>
              <a:gd name="connsiteX982" fmla="*/ 4264695 w 12191941"/>
              <a:gd name="connsiteY982" fmla="*/ 6111736 h 6857967"/>
              <a:gd name="connsiteX983" fmla="*/ 4264695 w 12191941"/>
              <a:gd name="connsiteY983" fmla="*/ 6040435 h 6857967"/>
              <a:gd name="connsiteX984" fmla="*/ 4050810 w 12191941"/>
              <a:gd name="connsiteY984" fmla="*/ 6040435 h 6857967"/>
              <a:gd name="connsiteX985" fmla="*/ 4050810 w 12191941"/>
              <a:gd name="connsiteY985" fmla="*/ 6111736 h 6857967"/>
              <a:gd name="connsiteX986" fmla="*/ 4122113 w 12191941"/>
              <a:gd name="connsiteY986" fmla="*/ 6111736 h 6857967"/>
              <a:gd name="connsiteX987" fmla="*/ 4122113 w 12191941"/>
              <a:gd name="connsiteY987" fmla="*/ 6040435 h 6857967"/>
              <a:gd name="connsiteX988" fmla="*/ 3908138 w 12191941"/>
              <a:gd name="connsiteY988" fmla="*/ 6040435 h 6857967"/>
              <a:gd name="connsiteX989" fmla="*/ 3908138 w 12191941"/>
              <a:gd name="connsiteY989" fmla="*/ 6111736 h 6857967"/>
              <a:gd name="connsiteX990" fmla="*/ 3979439 w 12191941"/>
              <a:gd name="connsiteY990" fmla="*/ 6111736 h 6857967"/>
              <a:gd name="connsiteX991" fmla="*/ 3979439 w 12191941"/>
              <a:gd name="connsiteY991" fmla="*/ 6040435 h 6857967"/>
              <a:gd name="connsiteX992" fmla="*/ 3765464 w 12191941"/>
              <a:gd name="connsiteY992" fmla="*/ 6040435 h 6857967"/>
              <a:gd name="connsiteX993" fmla="*/ 3765464 w 12191941"/>
              <a:gd name="connsiteY993" fmla="*/ 6111736 h 6857967"/>
              <a:gd name="connsiteX994" fmla="*/ 3836763 w 12191941"/>
              <a:gd name="connsiteY994" fmla="*/ 6111736 h 6857967"/>
              <a:gd name="connsiteX995" fmla="*/ 3836763 w 12191941"/>
              <a:gd name="connsiteY995" fmla="*/ 6040435 h 6857967"/>
              <a:gd name="connsiteX996" fmla="*/ 3622853 w 12191941"/>
              <a:gd name="connsiteY996" fmla="*/ 6040435 h 6857967"/>
              <a:gd name="connsiteX997" fmla="*/ 3622853 w 12191941"/>
              <a:gd name="connsiteY997" fmla="*/ 6111736 h 6857967"/>
              <a:gd name="connsiteX998" fmla="*/ 3694151 w 12191941"/>
              <a:gd name="connsiteY998" fmla="*/ 6111736 h 6857967"/>
              <a:gd name="connsiteX999" fmla="*/ 3694151 w 12191941"/>
              <a:gd name="connsiteY999" fmla="*/ 6040435 h 6857967"/>
              <a:gd name="connsiteX1000" fmla="*/ 3480203 w 12191941"/>
              <a:gd name="connsiteY1000" fmla="*/ 6040435 h 6857967"/>
              <a:gd name="connsiteX1001" fmla="*/ 3480203 w 12191941"/>
              <a:gd name="connsiteY1001" fmla="*/ 6111736 h 6857967"/>
              <a:gd name="connsiteX1002" fmla="*/ 3551511 w 12191941"/>
              <a:gd name="connsiteY1002" fmla="*/ 6111736 h 6857967"/>
              <a:gd name="connsiteX1003" fmla="*/ 3551511 w 12191941"/>
              <a:gd name="connsiteY1003" fmla="*/ 6040435 h 6857967"/>
              <a:gd name="connsiteX1004" fmla="*/ 3337579 w 12191941"/>
              <a:gd name="connsiteY1004" fmla="*/ 6040435 h 6857967"/>
              <a:gd name="connsiteX1005" fmla="*/ 3337579 w 12191941"/>
              <a:gd name="connsiteY1005" fmla="*/ 6111736 h 6857967"/>
              <a:gd name="connsiteX1006" fmla="*/ 3408880 w 12191941"/>
              <a:gd name="connsiteY1006" fmla="*/ 6111736 h 6857967"/>
              <a:gd name="connsiteX1007" fmla="*/ 3408880 w 12191941"/>
              <a:gd name="connsiteY1007" fmla="*/ 6040435 h 6857967"/>
              <a:gd name="connsiteX1008" fmla="*/ 3194906 w 12191941"/>
              <a:gd name="connsiteY1008" fmla="*/ 6040435 h 6857967"/>
              <a:gd name="connsiteX1009" fmla="*/ 3194906 w 12191941"/>
              <a:gd name="connsiteY1009" fmla="*/ 6111736 h 6857967"/>
              <a:gd name="connsiteX1010" fmla="*/ 3266208 w 12191941"/>
              <a:gd name="connsiteY1010" fmla="*/ 6111736 h 6857967"/>
              <a:gd name="connsiteX1011" fmla="*/ 3266208 w 12191941"/>
              <a:gd name="connsiteY1011" fmla="*/ 6040435 h 6857967"/>
              <a:gd name="connsiteX1012" fmla="*/ 3052305 w 12191941"/>
              <a:gd name="connsiteY1012" fmla="*/ 6040435 h 6857967"/>
              <a:gd name="connsiteX1013" fmla="*/ 3052305 w 12191941"/>
              <a:gd name="connsiteY1013" fmla="*/ 6111736 h 6857967"/>
              <a:gd name="connsiteX1014" fmla="*/ 3123607 w 12191941"/>
              <a:gd name="connsiteY1014" fmla="*/ 6111736 h 6857967"/>
              <a:gd name="connsiteX1015" fmla="*/ 3123607 w 12191941"/>
              <a:gd name="connsiteY1015" fmla="*/ 6040435 h 6857967"/>
              <a:gd name="connsiteX1016" fmla="*/ 2909634 w 12191941"/>
              <a:gd name="connsiteY1016" fmla="*/ 6040435 h 6857967"/>
              <a:gd name="connsiteX1017" fmla="*/ 2909634 w 12191941"/>
              <a:gd name="connsiteY1017" fmla="*/ 6111736 h 6857967"/>
              <a:gd name="connsiteX1018" fmla="*/ 2980934 w 12191941"/>
              <a:gd name="connsiteY1018" fmla="*/ 6111736 h 6857967"/>
              <a:gd name="connsiteX1019" fmla="*/ 2980934 w 12191941"/>
              <a:gd name="connsiteY1019" fmla="*/ 6040435 h 6857967"/>
              <a:gd name="connsiteX1020" fmla="*/ 2767033 w 12191941"/>
              <a:gd name="connsiteY1020" fmla="*/ 6040435 h 6857967"/>
              <a:gd name="connsiteX1021" fmla="*/ 2767033 w 12191941"/>
              <a:gd name="connsiteY1021" fmla="*/ 6111736 h 6857967"/>
              <a:gd name="connsiteX1022" fmla="*/ 2838334 w 12191941"/>
              <a:gd name="connsiteY1022" fmla="*/ 6111736 h 6857967"/>
              <a:gd name="connsiteX1023" fmla="*/ 2838334 w 12191941"/>
              <a:gd name="connsiteY1023" fmla="*/ 6040435 h 6857967"/>
              <a:gd name="connsiteX1024" fmla="*/ 2624361 w 12191941"/>
              <a:gd name="connsiteY1024" fmla="*/ 6040435 h 6857967"/>
              <a:gd name="connsiteX1025" fmla="*/ 2624361 w 12191941"/>
              <a:gd name="connsiteY1025" fmla="*/ 6111736 h 6857967"/>
              <a:gd name="connsiteX1026" fmla="*/ 2695662 w 12191941"/>
              <a:gd name="connsiteY1026" fmla="*/ 6111736 h 6857967"/>
              <a:gd name="connsiteX1027" fmla="*/ 2695662 w 12191941"/>
              <a:gd name="connsiteY1027" fmla="*/ 6040435 h 6857967"/>
              <a:gd name="connsiteX1028" fmla="*/ 2481690 w 12191941"/>
              <a:gd name="connsiteY1028" fmla="*/ 6040435 h 6857967"/>
              <a:gd name="connsiteX1029" fmla="*/ 2481690 w 12191941"/>
              <a:gd name="connsiteY1029" fmla="*/ 6111736 h 6857967"/>
              <a:gd name="connsiteX1030" fmla="*/ 2552991 w 12191941"/>
              <a:gd name="connsiteY1030" fmla="*/ 6111736 h 6857967"/>
              <a:gd name="connsiteX1031" fmla="*/ 2552991 w 12191941"/>
              <a:gd name="connsiteY1031" fmla="*/ 6040435 h 6857967"/>
              <a:gd name="connsiteX1032" fmla="*/ 2339091 w 12191941"/>
              <a:gd name="connsiteY1032" fmla="*/ 6040435 h 6857967"/>
              <a:gd name="connsiteX1033" fmla="*/ 2339091 w 12191941"/>
              <a:gd name="connsiteY1033" fmla="*/ 6111736 h 6857967"/>
              <a:gd name="connsiteX1034" fmla="*/ 2410392 w 12191941"/>
              <a:gd name="connsiteY1034" fmla="*/ 6111736 h 6857967"/>
              <a:gd name="connsiteX1035" fmla="*/ 2410392 w 12191941"/>
              <a:gd name="connsiteY1035" fmla="*/ 6040435 h 6857967"/>
              <a:gd name="connsiteX1036" fmla="*/ 2196420 w 12191941"/>
              <a:gd name="connsiteY1036" fmla="*/ 6040435 h 6857967"/>
              <a:gd name="connsiteX1037" fmla="*/ 2196420 w 12191941"/>
              <a:gd name="connsiteY1037" fmla="*/ 6111736 h 6857967"/>
              <a:gd name="connsiteX1038" fmla="*/ 2267721 w 12191941"/>
              <a:gd name="connsiteY1038" fmla="*/ 6111736 h 6857967"/>
              <a:gd name="connsiteX1039" fmla="*/ 2267721 w 12191941"/>
              <a:gd name="connsiteY1039" fmla="*/ 6040435 h 6857967"/>
              <a:gd name="connsiteX1040" fmla="*/ 2053813 w 12191941"/>
              <a:gd name="connsiteY1040" fmla="*/ 6040435 h 6857967"/>
              <a:gd name="connsiteX1041" fmla="*/ 2053813 w 12191941"/>
              <a:gd name="connsiteY1041" fmla="*/ 6111736 h 6857967"/>
              <a:gd name="connsiteX1042" fmla="*/ 2125117 w 12191941"/>
              <a:gd name="connsiteY1042" fmla="*/ 6111736 h 6857967"/>
              <a:gd name="connsiteX1043" fmla="*/ 2125117 w 12191941"/>
              <a:gd name="connsiteY1043" fmla="*/ 6040435 h 6857967"/>
              <a:gd name="connsiteX1044" fmla="*/ 1911141 w 12191941"/>
              <a:gd name="connsiteY1044" fmla="*/ 6040435 h 6857967"/>
              <a:gd name="connsiteX1045" fmla="*/ 1911141 w 12191941"/>
              <a:gd name="connsiteY1045" fmla="*/ 6111736 h 6857967"/>
              <a:gd name="connsiteX1046" fmla="*/ 1982442 w 12191941"/>
              <a:gd name="connsiteY1046" fmla="*/ 6111736 h 6857967"/>
              <a:gd name="connsiteX1047" fmla="*/ 1982442 w 12191941"/>
              <a:gd name="connsiteY1047" fmla="*/ 6040435 h 6857967"/>
              <a:gd name="connsiteX1048" fmla="*/ 1768471 w 12191941"/>
              <a:gd name="connsiteY1048" fmla="*/ 6040435 h 6857967"/>
              <a:gd name="connsiteX1049" fmla="*/ 1768471 w 12191941"/>
              <a:gd name="connsiteY1049" fmla="*/ 6111736 h 6857967"/>
              <a:gd name="connsiteX1050" fmla="*/ 1839771 w 12191941"/>
              <a:gd name="connsiteY1050" fmla="*/ 6111736 h 6857967"/>
              <a:gd name="connsiteX1051" fmla="*/ 1839771 w 12191941"/>
              <a:gd name="connsiteY1051" fmla="*/ 6040435 h 6857967"/>
              <a:gd name="connsiteX1052" fmla="*/ 1625870 w 12191941"/>
              <a:gd name="connsiteY1052" fmla="*/ 6040435 h 6857967"/>
              <a:gd name="connsiteX1053" fmla="*/ 1625870 w 12191941"/>
              <a:gd name="connsiteY1053" fmla="*/ 6111736 h 6857967"/>
              <a:gd name="connsiteX1054" fmla="*/ 1697171 w 12191941"/>
              <a:gd name="connsiteY1054" fmla="*/ 6111736 h 6857967"/>
              <a:gd name="connsiteX1055" fmla="*/ 1697171 w 12191941"/>
              <a:gd name="connsiteY1055" fmla="*/ 6040435 h 6857967"/>
              <a:gd name="connsiteX1056" fmla="*/ 1483200 w 12191941"/>
              <a:gd name="connsiteY1056" fmla="*/ 6040435 h 6857967"/>
              <a:gd name="connsiteX1057" fmla="*/ 1483200 w 12191941"/>
              <a:gd name="connsiteY1057" fmla="*/ 6111736 h 6857967"/>
              <a:gd name="connsiteX1058" fmla="*/ 1554500 w 12191941"/>
              <a:gd name="connsiteY1058" fmla="*/ 6111736 h 6857967"/>
              <a:gd name="connsiteX1059" fmla="*/ 1554500 w 12191941"/>
              <a:gd name="connsiteY1059" fmla="*/ 6040435 h 6857967"/>
              <a:gd name="connsiteX1060" fmla="*/ 1340599 w 12191941"/>
              <a:gd name="connsiteY1060" fmla="*/ 6040435 h 6857967"/>
              <a:gd name="connsiteX1061" fmla="*/ 1340599 w 12191941"/>
              <a:gd name="connsiteY1061" fmla="*/ 6111736 h 6857967"/>
              <a:gd name="connsiteX1062" fmla="*/ 1411901 w 12191941"/>
              <a:gd name="connsiteY1062" fmla="*/ 6111736 h 6857967"/>
              <a:gd name="connsiteX1063" fmla="*/ 1411901 w 12191941"/>
              <a:gd name="connsiteY1063" fmla="*/ 6040435 h 6857967"/>
              <a:gd name="connsiteX1064" fmla="*/ 1197930 w 12191941"/>
              <a:gd name="connsiteY1064" fmla="*/ 6040435 h 6857967"/>
              <a:gd name="connsiteX1065" fmla="*/ 1197930 w 12191941"/>
              <a:gd name="connsiteY1065" fmla="*/ 6111736 h 6857967"/>
              <a:gd name="connsiteX1066" fmla="*/ 1269231 w 12191941"/>
              <a:gd name="connsiteY1066" fmla="*/ 6111736 h 6857967"/>
              <a:gd name="connsiteX1067" fmla="*/ 1269231 w 12191941"/>
              <a:gd name="connsiteY1067" fmla="*/ 6040435 h 6857967"/>
              <a:gd name="connsiteX1068" fmla="*/ 1055312 w 12191941"/>
              <a:gd name="connsiteY1068" fmla="*/ 6040435 h 6857967"/>
              <a:gd name="connsiteX1069" fmla="*/ 1055312 w 12191941"/>
              <a:gd name="connsiteY1069" fmla="*/ 6111736 h 6857967"/>
              <a:gd name="connsiteX1070" fmla="*/ 1126613 w 12191941"/>
              <a:gd name="connsiteY1070" fmla="*/ 6111736 h 6857967"/>
              <a:gd name="connsiteX1071" fmla="*/ 1126613 w 12191941"/>
              <a:gd name="connsiteY1071" fmla="*/ 6040435 h 6857967"/>
              <a:gd name="connsiteX1072" fmla="*/ 912657 w 12191941"/>
              <a:gd name="connsiteY1072" fmla="*/ 6040435 h 6857967"/>
              <a:gd name="connsiteX1073" fmla="*/ 912657 w 12191941"/>
              <a:gd name="connsiteY1073" fmla="*/ 6111736 h 6857967"/>
              <a:gd name="connsiteX1074" fmla="*/ 983958 w 12191941"/>
              <a:gd name="connsiteY1074" fmla="*/ 6111736 h 6857967"/>
              <a:gd name="connsiteX1075" fmla="*/ 983958 w 12191941"/>
              <a:gd name="connsiteY1075" fmla="*/ 6040435 h 6857967"/>
              <a:gd name="connsiteX1076" fmla="*/ 771136 w 12191941"/>
              <a:gd name="connsiteY1076" fmla="*/ 6040435 h 6857967"/>
              <a:gd name="connsiteX1077" fmla="*/ 771136 w 12191941"/>
              <a:gd name="connsiteY1077" fmla="*/ 6111736 h 6857967"/>
              <a:gd name="connsiteX1078" fmla="*/ 842437 w 12191941"/>
              <a:gd name="connsiteY1078" fmla="*/ 6111736 h 6857967"/>
              <a:gd name="connsiteX1079" fmla="*/ 842437 w 12191941"/>
              <a:gd name="connsiteY1079" fmla="*/ 6040435 h 6857967"/>
              <a:gd name="connsiteX1080" fmla="*/ 628535 w 12191941"/>
              <a:gd name="connsiteY1080" fmla="*/ 6040435 h 6857967"/>
              <a:gd name="connsiteX1081" fmla="*/ 628535 w 12191941"/>
              <a:gd name="connsiteY1081" fmla="*/ 6111736 h 6857967"/>
              <a:gd name="connsiteX1082" fmla="*/ 699836 w 12191941"/>
              <a:gd name="connsiteY1082" fmla="*/ 6111736 h 6857967"/>
              <a:gd name="connsiteX1083" fmla="*/ 699836 w 12191941"/>
              <a:gd name="connsiteY1083" fmla="*/ 6040435 h 6857967"/>
              <a:gd name="connsiteX1084" fmla="*/ 485863 w 12191941"/>
              <a:gd name="connsiteY1084" fmla="*/ 6040435 h 6857967"/>
              <a:gd name="connsiteX1085" fmla="*/ 485863 w 12191941"/>
              <a:gd name="connsiteY1085" fmla="*/ 6111736 h 6857967"/>
              <a:gd name="connsiteX1086" fmla="*/ 557163 w 12191941"/>
              <a:gd name="connsiteY1086" fmla="*/ 6111736 h 6857967"/>
              <a:gd name="connsiteX1087" fmla="*/ 557163 w 12191941"/>
              <a:gd name="connsiteY1087" fmla="*/ 6040435 h 6857967"/>
              <a:gd name="connsiteX1088" fmla="*/ 343191 w 12191941"/>
              <a:gd name="connsiteY1088" fmla="*/ 6040435 h 6857967"/>
              <a:gd name="connsiteX1089" fmla="*/ 343191 w 12191941"/>
              <a:gd name="connsiteY1089" fmla="*/ 6111736 h 6857967"/>
              <a:gd name="connsiteX1090" fmla="*/ 414492 w 12191941"/>
              <a:gd name="connsiteY1090" fmla="*/ 6111736 h 6857967"/>
              <a:gd name="connsiteX1091" fmla="*/ 414492 w 12191941"/>
              <a:gd name="connsiteY1091" fmla="*/ 6040435 h 6857967"/>
              <a:gd name="connsiteX1092" fmla="*/ 200591 w 12191941"/>
              <a:gd name="connsiteY1092" fmla="*/ 6040435 h 6857967"/>
              <a:gd name="connsiteX1093" fmla="*/ 200591 w 12191941"/>
              <a:gd name="connsiteY1093" fmla="*/ 6111736 h 6857967"/>
              <a:gd name="connsiteX1094" fmla="*/ 271892 w 12191941"/>
              <a:gd name="connsiteY1094" fmla="*/ 6111736 h 6857967"/>
              <a:gd name="connsiteX1095" fmla="*/ 271892 w 12191941"/>
              <a:gd name="connsiteY1095" fmla="*/ 6040435 h 6857967"/>
              <a:gd name="connsiteX1096" fmla="*/ 57918 w 12191941"/>
              <a:gd name="connsiteY1096" fmla="*/ 6040435 h 6857967"/>
              <a:gd name="connsiteX1097" fmla="*/ 57918 w 12191941"/>
              <a:gd name="connsiteY1097" fmla="*/ 6111736 h 6857967"/>
              <a:gd name="connsiteX1098" fmla="*/ 129219 w 12191941"/>
              <a:gd name="connsiteY1098" fmla="*/ 6111736 h 6857967"/>
              <a:gd name="connsiteX1099" fmla="*/ 129219 w 12191941"/>
              <a:gd name="connsiteY1099" fmla="*/ 6040435 h 6857967"/>
              <a:gd name="connsiteX1100" fmla="*/ 0 w 12191941"/>
              <a:gd name="connsiteY1100" fmla="*/ 0 h 6857967"/>
              <a:gd name="connsiteX1101" fmla="*/ 12191941 w 12191941"/>
              <a:gd name="connsiteY1101" fmla="*/ 0 h 6857967"/>
              <a:gd name="connsiteX1102" fmla="*/ 12191941 w 12191941"/>
              <a:gd name="connsiteY1102" fmla="*/ 6857967 h 6857967"/>
              <a:gd name="connsiteX1103" fmla="*/ 0 w 12191941"/>
              <a:gd name="connsiteY1103" fmla="*/ 6857967 h 6857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Lst>
            <a:rect l="l" t="t" r="r" b="b"/>
            <a:pathLst>
              <a:path w="12191941" h="6857967">
                <a:moveTo>
                  <a:pt x="9042170" y="6474347"/>
                </a:moveTo>
                <a:lnTo>
                  <a:pt x="9042170" y="6545648"/>
                </a:lnTo>
                <a:lnTo>
                  <a:pt x="9113471" y="6545648"/>
                </a:lnTo>
                <a:lnTo>
                  <a:pt x="9113471" y="6474347"/>
                </a:lnTo>
                <a:close/>
                <a:moveTo>
                  <a:pt x="8899568" y="6474347"/>
                </a:moveTo>
                <a:lnTo>
                  <a:pt x="8899568" y="6545648"/>
                </a:lnTo>
                <a:lnTo>
                  <a:pt x="8970869" y="6545648"/>
                </a:lnTo>
                <a:lnTo>
                  <a:pt x="8970869" y="6474347"/>
                </a:lnTo>
                <a:close/>
                <a:moveTo>
                  <a:pt x="8756896" y="6474347"/>
                </a:moveTo>
                <a:lnTo>
                  <a:pt x="8756896" y="6545648"/>
                </a:lnTo>
                <a:lnTo>
                  <a:pt x="8828196" y="6545648"/>
                </a:lnTo>
                <a:lnTo>
                  <a:pt x="8828196" y="6474347"/>
                </a:lnTo>
                <a:close/>
                <a:moveTo>
                  <a:pt x="8614223" y="6474347"/>
                </a:moveTo>
                <a:lnTo>
                  <a:pt x="8614223" y="6545648"/>
                </a:lnTo>
                <a:lnTo>
                  <a:pt x="8685524" y="6545648"/>
                </a:lnTo>
                <a:lnTo>
                  <a:pt x="8685524" y="6474347"/>
                </a:lnTo>
                <a:close/>
                <a:moveTo>
                  <a:pt x="8471622" y="6474347"/>
                </a:moveTo>
                <a:lnTo>
                  <a:pt x="8471622" y="6545648"/>
                </a:lnTo>
                <a:lnTo>
                  <a:pt x="8542923" y="6545648"/>
                </a:lnTo>
                <a:lnTo>
                  <a:pt x="8542923" y="6474347"/>
                </a:lnTo>
                <a:close/>
                <a:moveTo>
                  <a:pt x="8328949" y="6474347"/>
                </a:moveTo>
                <a:lnTo>
                  <a:pt x="8328949" y="6545648"/>
                </a:lnTo>
                <a:lnTo>
                  <a:pt x="8400250" y="6545648"/>
                </a:lnTo>
                <a:lnTo>
                  <a:pt x="8400250" y="6474347"/>
                </a:lnTo>
                <a:close/>
                <a:moveTo>
                  <a:pt x="8186348" y="6474347"/>
                </a:moveTo>
                <a:lnTo>
                  <a:pt x="8186348" y="6545648"/>
                </a:lnTo>
                <a:lnTo>
                  <a:pt x="8257649" y="6545648"/>
                </a:lnTo>
                <a:lnTo>
                  <a:pt x="8257649" y="6474347"/>
                </a:lnTo>
                <a:close/>
                <a:moveTo>
                  <a:pt x="8043675" y="6474347"/>
                </a:moveTo>
                <a:lnTo>
                  <a:pt x="8043675" y="6545648"/>
                </a:lnTo>
                <a:lnTo>
                  <a:pt x="8114976" y="6545648"/>
                </a:lnTo>
                <a:lnTo>
                  <a:pt x="8114976" y="6474347"/>
                </a:lnTo>
                <a:close/>
                <a:moveTo>
                  <a:pt x="7901003" y="6474347"/>
                </a:moveTo>
                <a:lnTo>
                  <a:pt x="7901003" y="6545648"/>
                </a:lnTo>
                <a:lnTo>
                  <a:pt x="7972304" y="6545648"/>
                </a:lnTo>
                <a:lnTo>
                  <a:pt x="7972304" y="6474347"/>
                </a:lnTo>
                <a:close/>
                <a:moveTo>
                  <a:pt x="7758401" y="6474347"/>
                </a:moveTo>
                <a:lnTo>
                  <a:pt x="7758401" y="6545648"/>
                </a:lnTo>
                <a:lnTo>
                  <a:pt x="7829702" y="6545648"/>
                </a:lnTo>
                <a:lnTo>
                  <a:pt x="7829702" y="6474347"/>
                </a:lnTo>
                <a:close/>
                <a:moveTo>
                  <a:pt x="7615728" y="6474347"/>
                </a:moveTo>
                <a:lnTo>
                  <a:pt x="7615728" y="6545648"/>
                </a:lnTo>
                <a:lnTo>
                  <a:pt x="7687029" y="6545648"/>
                </a:lnTo>
                <a:lnTo>
                  <a:pt x="7687029" y="6474347"/>
                </a:lnTo>
                <a:close/>
                <a:moveTo>
                  <a:pt x="7473127" y="6474347"/>
                </a:moveTo>
                <a:lnTo>
                  <a:pt x="7473127" y="6545648"/>
                </a:lnTo>
                <a:lnTo>
                  <a:pt x="7544428" y="6545648"/>
                </a:lnTo>
                <a:lnTo>
                  <a:pt x="7544428" y="6474347"/>
                </a:lnTo>
                <a:close/>
                <a:moveTo>
                  <a:pt x="7330454" y="6474347"/>
                </a:moveTo>
                <a:lnTo>
                  <a:pt x="7330454" y="6545648"/>
                </a:lnTo>
                <a:lnTo>
                  <a:pt x="7401755" y="6545648"/>
                </a:lnTo>
                <a:lnTo>
                  <a:pt x="7401755" y="6474347"/>
                </a:lnTo>
                <a:close/>
                <a:moveTo>
                  <a:pt x="7187853" y="6474347"/>
                </a:moveTo>
                <a:lnTo>
                  <a:pt x="7187853" y="6545648"/>
                </a:lnTo>
                <a:lnTo>
                  <a:pt x="7259154" y="6545648"/>
                </a:lnTo>
                <a:lnTo>
                  <a:pt x="7259154" y="6474347"/>
                </a:lnTo>
                <a:close/>
                <a:moveTo>
                  <a:pt x="7045180" y="6474347"/>
                </a:moveTo>
                <a:lnTo>
                  <a:pt x="7045180" y="6545648"/>
                </a:lnTo>
                <a:lnTo>
                  <a:pt x="7116481" y="6545648"/>
                </a:lnTo>
                <a:lnTo>
                  <a:pt x="7116481" y="6474347"/>
                </a:lnTo>
                <a:close/>
                <a:moveTo>
                  <a:pt x="6902579" y="6474347"/>
                </a:moveTo>
                <a:lnTo>
                  <a:pt x="6902579" y="6545648"/>
                </a:lnTo>
                <a:lnTo>
                  <a:pt x="6973880" y="6545648"/>
                </a:lnTo>
                <a:lnTo>
                  <a:pt x="6973880" y="6474347"/>
                </a:lnTo>
                <a:close/>
                <a:moveTo>
                  <a:pt x="6759906" y="6474347"/>
                </a:moveTo>
                <a:lnTo>
                  <a:pt x="6759906" y="6545648"/>
                </a:lnTo>
                <a:lnTo>
                  <a:pt x="6831207" y="6545648"/>
                </a:lnTo>
                <a:lnTo>
                  <a:pt x="6831207" y="6474347"/>
                </a:lnTo>
                <a:close/>
                <a:moveTo>
                  <a:pt x="6617234" y="6474347"/>
                </a:moveTo>
                <a:lnTo>
                  <a:pt x="6617234" y="6545648"/>
                </a:lnTo>
                <a:lnTo>
                  <a:pt x="6688535" y="6545648"/>
                </a:lnTo>
                <a:lnTo>
                  <a:pt x="6688535" y="6474347"/>
                </a:lnTo>
                <a:close/>
                <a:moveTo>
                  <a:pt x="6474632" y="6474347"/>
                </a:moveTo>
                <a:lnTo>
                  <a:pt x="6474632" y="6545648"/>
                </a:lnTo>
                <a:lnTo>
                  <a:pt x="6545933" y="6545648"/>
                </a:lnTo>
                <a:lnTo>
                  <a:pt x="6545933" y="6474347"/>
                </a:lnTo>
                <a:close/>
                <a:moveTo>
                  <a:pt x="6331959" y="6474347"/>
                </a:moveTo>
                <a:lnTo>
                  <a:pt x="6331959" y="6545648"/>
                </a:lnTo>
                <a:lnTo>
                  <a:pt x="6403260" y="6545648"/>
                </a:lnTo>
                <a:lnTo>
                  <a:pt x="6403260" y="6474347"/>
                </a:lnTo>
                <a:close/>
                <a:moveTo>
                  <a:pt x="6189358" y="6474347"/>
                </a:moveTo>
                <a:lnTo>
                  <a:pt x="6189358" y="6545648"/>
                </a:lnTo>
                <a:lnTo>
                  <a:pt x="6260659" y="6545648"/>
                </a:lnTo>
                <a:lnTo>
                  <a:pt x="6260659" y="6474347"/>
                </a:lnTo>
                <a:close/>
                <a:moveTo>
                  <a:pt x="6046689" y="6474347"/>
                </a:moveTo>
                <a:lnTo>
                  <a:pt x="6046689" y="6545648"/>
                </a:lnTo>
                <a:lnTo>
                  <a:pt x="6117986" y="6545648"/>
                </a:lnTo>
                <a:lnTo>
                  <a:pt x="6117986" y="6474347"/>
                </a:lnTo>
                <a:close/>
                <a:moveTo>
                  <a:pt x="5904022" y="6474347"/>
                </a:moveTo>
                <a:lnTo>
                  <a:pt x="5904022" y="6545648"/>
                </a:lnTo>
                <a:lnTo>
                  <a:pt x="5975319" y="6545648"/>
                </a:lnTo>
                <a:lnTo>
                  <a:pt x="5975319" y="6474347"/>
                </a:lnTo>
                <a:close/>
                <a:moveTo>
                  <a:pt x="5761426" y="6474347"/>
                </a:moveTo>
                <a:lnTo>
                  <a:pt x="5761426" y="6545648"/>
                </a:lnTo>
                <a:lnTo>
                  <a:pt x="5832724" y="6545648"/>
                </a:lnTo>
                <a:lnTo>
                  <a:pt x="5832724" y="6474347"/>
                </a:lnTo>
                <a:close/>
                <a:moveTo>
                  <a:pt x="5618761" y="6474347"/>
                </a:moveTo>
                <a:lnTo>
                  <a:pt x="5618761" y="6545648"/>
                </a:lnTo>
                <a:lnTo>
                  <a:pt x="5690059" y="6545648"/>
                </a:lnTo>
                <a:lnTo>
                  <a:pt x="5690059" y="6474347"/>
                </a:lnTo>
                <a:close/>
                <a:moveTo>
                  <a:pt x="5476167" y="6474347"/>
                </a:moveTo>
                <a:lnTo>
                  <a:pt x="5476167" y="6545648"/>
                </a:lnTo>
                <a:lnTo>
                  <a:pt x="5547463" y="6545648"/>
                </a:lnTo>
                <a:lnTo>
                  <a:pt x="5547463" y="6474347"/>
                </a:lnTo>
                <a:close/>
                <a:moveTo>
                  <a:pt x="5333500" y="6474347"/>
                </a:moveTo>
                <a:lnTo>
                  <a:pt x="5333500" y="6545648"/>
                </a:lnTo>
                <a:lnTo>
                  <a:pt x="5404799" y="6545648"/>
                </a:lnTo>
                <a:lnTo>
                  <a:pt x="5404799" y="6474347"/>
                </a:lnTo>
                <a:close/>
                <a:moveTo>
                  <a:pt x="5190877" y="6474347"/>
                </a:moveTo>
                <a:lnTo>
                  <a:pt x="5190877" y="6545648"/>
                </a:lnTo>
                <a:lnTo>
                  <a:pt x="5262188" y="6545648"/>
                </a:lnTo>
                <a:lnTo>
                  <a:pt x="5262188" y="6474347"/>
                </a:lnTo>
                <a:close/>
                <a:moveTo>
                  <a:pt x="5048236" y="6474347"/>
                </a:moveTo>
                <a:lnTo>
                  <a:pt x="5048236" y="6545648"/>
                </a:lnTo>
                <a:lnTo>
                  <a:pt x="5119527" y="6545648"/>
                </a:lnTo>
                <a:lnTo>
                  <a:pt x="5119527" y="6474347"/>
                </a:lnTo>
                <a:close/>
                <a:moveTo>
                  <a:pt x="4906607" y="6474347"/>
                </a:moveTo>
                <a:lnTo>
                  <a:pt x="4906607" y="6545648"/>
                </a:lnTo>
                <a:lnTo>
                  <a:pt x="4977916" y="6545648"/>
                </a:lnTo>
                <a:lnTo>
                  <a:pt x="4977916" y="6474347"/>
                </a:lnTo>
                <a:close/>
                <a:moveTo>
                  <a:pt x="4764013" y="6474347"/>
                </a:moveTo>
                <a:lnTo>
                  <a:pt x="4764013" y="6545648"/>
                </a:lnTo>
                <a:lnTo>
                  <a:pt x="4835311" y="6545648"/>
                </a:lnTo>
                <a:lnTo>
                  <a:pt x="4835311" y="6474347"/>
                </a:lnTo>
                <a:close/>
                <a:moveTo>
                  <a:pt x="4621341" y="6474347"/>
                </a:moveTo>
                <a:lnTo>
                  <a:pt x="4621341" y="6545648"/>
                </a:lnTo>
                <a:lnTo>
                  <a:pt x="4692639" y="6545648"/>
                </a:lnTo>
                <a:lnTo>
                  <a:pt x="4692639" y="6474347"/>
                </a:lnTo>
                <a:close/>
                <a:moveTo>
                  <a:pt x="4478666" y="6474347"/>
                </a:moveTo>
                <a:lnTo>
                  <a:pt x="4478666" y="6545648"/>
                </a:lnTo>
                <a:lnTo>
                  <a:pt x="4549969" y="6545648"/>
                </a:lnTo>
                <a:lnTo>
                  <a:pt x="4549969" y="6474347"/>
                </a:lnTo>
                <a:close/>
                <a:moveTo>
                  <a:pt x="4336061" y="6474347"/>
                </a:moveTo>
                <a:lnTo>
                  <a:pt x="4336061" y="6545648"/>
                </a:lnTo>
                <a:lnTo>
                  <a:pt x="4407362" y="6545648"/>
                </a:lnTo>
                <a:lnTo>
                  <a:pt x="4407362" y="6474347"/>
                </a:lnTo>
                <a:close/>
                <a:moveTo>
                  <a:pt x="4193412" y="6474347"/>
                </a:moveTo>
                <a:lnTo>
                  <a:pt x="4193412" y="6545648"/>
                </a:lnTo>
                <a:lnTo>
                  <a:pt x="4264695" y="6545648"/>
                </a:lnTo>
                <a:lnTo>
                  <a:pt x="4264695" y="6474347"/>
                </a:lnTo>
                <a:close/>
                <a:moveTo>
                  <a:pt x="4050809" y="6474347"/>
                </a:moveTo>
                <a:lnTo>
                  <a:pt x="4050809" y="6545648"/>
                </a:lnTo>
                <a:lnTo>
                  <a:pt x="4122113" y="6545648"/>
                </a:lnTo>
                <a:lnTo>
                  <a:pt x="4122113" y="6474347"/>
                </a:lnTo>
                <a:close/>
                <a:moveTo>
                  <a:pt x="3908136" y="6474347"/>
                </a:moveTo>
                <a:lnTo>
                  <a:pt x="3908136" y="6545648"/>
                </a:lnTo>
                <a:lnTo>
                  <a:pt x="3979438" y="6545648"/>
                </a:lnTo>
                <a:lnTo>
                  <a:pt x="3979438" y="6474347"/>
                </a:lnTo>
                <a:close/>
                <a:moveTo>
                  <a:pt x="3765462" y="6474347"/>
                </a:moveTo>
                <a:lnTo>
                  <a:pt x="3765462" y="6545648"/>
                </a:lnTo>
                <a:lnTo>
                  <a:pt x="3836763" y="6545648"/>
                </a:lnTo>
                <a:lnTo>
                  <a:pt x="3836763" y="6474347"/>
                </a:lnTo>
                <a:close/>
                <a:moveTo>
                  <a:pt x="3622851" y="6474347"/>
                </a:moveTo>
                <a:lnTo>
                  <a:pt x="3622851" y="6545648"/>
                </a:lnTo>
                <a:lnTo>
                  <a:pt x="3694151" y="6545648"/>
                </a:lnTo>
                <a:lnTo>
                  <a:pt x="3694151" y="6474347"/>
                </a:lnTo>
                <a:close/>
                <a:moveTo>
                  <a:pt x="3480203" y="6474347"/>
                </a:moveTo>
                <a:lnTo>
                  <a:pt x="3480203" y="6545648"/>
                </a:lnTo>
                <a:lnTo>
                  <a:pt x="3551509" y="6545648"/>
                </a:lnTo>
                <a:lnTo>
                  <a:pt x="3551509" y="6474347"/>
                </a:lnTo>
                <a:close/>
                <a:moveTo>
                  <a:pt x="3337579" y="6474347"/>
                </a:moveTo>
                <a:lnTo>
                  <a:pt x="3337579" y="6545648"/>
                </a:lnTo>
                <a:lnTo>
                  <a:pt x="3408880" y="6545648"/>
                </a:lnTo>
                <a:lnTo>
                  <a:pt x="3408880" y="6474347"/>
                </a:lnTo>
                <a:close/>
                <a:moveTo>
                  <a:pt x="3194905" y="6474347"/>
                </a:moveTo>
                <a:lnTo>
                  <a:pt x="3194905" y="6545648"/>
                </a:lnTo>
                <a:lnTo>
                  <a:pt x="3266206" y="6545648"/>
                </a:lnTo>
                <a:lnTo>
                  <a:pt x="3266206" y="6474347"/>
                </a:lnTo>
                <a:close/>
                <a:moveTo>
                  <a:pt x="3052304" y="6474347"/>
                </a:moveTo>
                <a:lnTo>
                  <a:pt x="3052304" y="6545648"/>
                </a:lnTo>
                <a:lnTo>
                  <a:pt x="3123606" y="6545648"/>
                </a:lnTo>
                <a:lnTo>
                  <a:pt x="3123606" y="6474347"/>
                </a:lnTo>
                <a:close/>
                <a:moveTo>
                  <a:pt x="2909633" y="6474347"/>
                </a:moveTo>
                <a:lnTo>
                  <a:pt x="2909633" y="6545648"/>
                </a:lnTo>
                <a:lnTo>
                  <a:pt x="2980934" y="6545648"/>
                </a:lnTo>
                <a:lnTo>
                  <a:pt x="2980934" y="6474347"/>
                </a:lnTo>
                <a:close/>
                <a:moveTo>
                  <a:pt x="2767033" y="6474347"/>
                </a:moveTo>
                <a:lnTo>
                  <a:pt x="2767033" y="6545648"/>
                </a:lnTo>
                <a:lnTo>
                  <a:pt x="2838334" y="6545648"/>
                </a:lnTo>
                <a:lnTo>
                  <a:pt x="2838334" y="6474347"/>
                </a:lnTo>
                <a:close/>
                <a:moveTo>
                  <a:pt x="2624360" y="6474347"/>
                </a:moveTo>
                <a:lnTo>
                  <a:pt x="2624360" y="6545648"/>
                </a:lnTo>
                <a:lnTo>
                  <a:pt x="2695661" y="6545648"/>
                </a:lnTo>
                <a:lnTo>
                  <a:pt x="2695661" y="6474347"/>
                </a:lnTo>
                <a:close/>
                <a:moveTo>
                  <a:pt x="2481690" y="6474347"/>
                </a:moveTo>
                <a:lnTo>
                  <a:pt x="2481690" y="6545648"/>
                </a:lnTo>
                <a:lnTo>
                  <a:pt x="2552990" y="6545648"/>
                </a:lnTo>
                <a:lnTo>
                  <a:pt x="2552990" y="6474347"/>
                </a:lnTo>
                <a:close/>
                <a:moveTo>
                  <a:pt x="2339090" y="6474347"/>
                </a:moveTo>
                <a:lnTo>
                  <a:pt x="2339090" y="6545648"/>
                </a:lnTo>
                <a:lnTo>
                  <a:pt x="2410390" y="6545648"/>
                </a:lnTo>
                <a:lnTo>
                  <a:pt x="2410390" y="6474347"/>
                </a:lnTo>
                <a:close/>
                <a:moveTo>
                  <a:pt x="2196420" y="6474347"/>
                </a:moveTo>
                <a:lnTo>
                  <a:pt x="2196420" y="6545648"/>
                </a:lnTo>
                <a:lnTo>
                  <a:pt x="2267720" y="6545648"/>
                </a:lnTo>
                <a:lnTo>
                  <a:pt x="2267720" y="6474347"/>
                </a:lnTo>
                <a:close/>
                <a:moveTo>
                  <a:pt x="2053813" y="6474347"/>
                </a:moveTo>
                <a:lnTo>
                  <a:pt x="2053813" y="6545648"/>
                </a:lnTo>
                <a:lnTo>
                  <a:pt x="2125117" y="6545648"/>
                </a:lnTo>
                <a:lnTo>
                  <a:pt x="2125117" y="6474347"/>
                </a:lnTo>
                <a:close/>
                <a:moveTo>
                  <a:pt x="1911141" y="6474347"/>
                </a:moveTo>
                <a:lnTo>
                  <a:pt x="1911141" y="6545648"/>
                </a:lnTo>
                <a:lnTo>
                  <a:pt x="1982442" y="6545648"/>
                </a:lnTo>
                <a:lnTo>
                  <a:pt x="1982442" y="6474347"/>
                </a:lnTo>
                <a:close/>
                <a:moveTo>
                  <a:pt x="1768470" y="6474347"/>
                </a:moveTo>
                <a:lnTo>
                  <a:pt x="1768470" y="6545648"/>
                </a:lnTo>
                <a:lnTo>
                  <a:pt x="1839771" y="6545648"/>
                </a:lnTo>
                <a:lnTo>
                  <a:pt x="1839771" y="6474347"/>
                </a:lnTo>
                <a:close/>
                <a:moveTo>
                  <a:pt x="1625870" y="6474347"/>
                </a:moveTo>
                <a:lnTo>
                  <a:pt x="1625870" y="6545648"/>
                </a:lnTo>
                <a:lnTo>
                  <a:pt x="1697170" y="6545648"/>
                </a:lnTo>
                <a:lnTo>
                  <a:pt x="1697170" y="6474347"/>
                </a:lnTo>
                <a:close/>
                <a:moveTo>
                  <a:pt x="1483199" y="6474347"/>
                </a:moveTo>
                <a:lnTo>
                  <a:pt x="1483199" y="6545648"/>
                </a:lnTo>
                <a:lnTo>
                  <a:pt x="1554500" y="6545648"/>
                </a:lnTo>
                <a:lnTo>
                  <a:pt x="1554500" y="6474347"/>
                </a:lnTo>
                <a:close/>
                <a:moveTo>
                  <a:pt x="1340599" y="6474347"/>
                </a:moveTo>
                <a:lnTo>
                  <a:pt x="1340599" y="6545648"/>
                </a:lnTo>
                <a:lnTo>
                  <a:pt x="1411899" y="6545648"/>
                </a:lnTo>
                <a:lnTo>
                  <a:pt x="1411899" y="6474347"/>
                </a:lnTo>
                <a:close/>
                <a:moveTo>
                  <a:pt x="1197929" y="6474347"/>
                </a:moveTo>
                <a:lnTo>
                  <a:pt x="1197929" y="6545648"/>
                </a:lnTo>
                <a:lnTo>
                  <a:pt x="1269230" y="6545648"/>
                </a:lnTo>
                <a:lnTo>
                  <a:pt x="1269230" y="6474347"/>
                </a:lnTo>
                <a:close/>
                <a:moveTo>
                  <a:pt x="1055311" y="6474347"/>
                </a:moveTo>
                <a:lnTo>
                  <a:pt x="1055311" y="6545648"/>
                </a:lnTo>
                <a:lnTo>
                  <a:pt x="1126612" y="6545648"/>
                </a:lnTo>
                <a:lnTo>
                  <a:pt x="1126612" y="6474347"/>
                </a:lnTo>
                <a:close/>
                <a:moveTo>
                  <a:pt x="912657" y="6474347"/>
                </a:moveTo>
                <a:lnTo>
                  <a:pt x="912657" y="6545648"/>
                </a:lnTo>
                <a:lnTo>
                  <a:pt x="983958" y="6545648"/>
                </a:lnTo>
                <a:lnTo>
                  <a:pt x="983958" y="6474347"/>
                </a:lnTo>
                <a:close/>
                <a:moveTo>
                  <a:pt x="771135" y="6474347"/>
                </a:moveTo>
                <a:lnTo>
                  <a:pt x="771135" y="6545648"/>
                </a:lnTo>
                <a:lnTo>
                  <a:pt x="842436" y="6545648"/>
                </a:lnTo>
                <a:lnTo>
                  <a:pt x="842436" y="6474347"/>
                </a:lnTo>
                <a:close/>
                <a:moveTo>
                  <a:pt x="628534" y="6474347"/>
                </a:moveTo>
                <a:lnTo>
                  <a:pt x="628534" y="6545648"/>
                </a:lnTo>
                <a:lnTo>
                  <a:pt x="699835" y="6545648"/>
                </a:lnTo>
                <a:lnTo>
                  <a:pt x="699835" y="6474347"/>
                </a:lnTo>
                <a:close/>
                <a:moveTo>
                  <a:pt x="485863" y="6474347"/>
                </a:moveTo>
                <a:lnTo>
                  <a:pt x="485863" y="6545648"/>
                </a:lnTo>
                <a:lnTo>
                  <a:pt x="557163" y="6545648"/>
                </a:lnTo>
                <a:lnTo>
                  <a:pt x="557163" y="6474347"/>
                </a:lnTo>
                <a:close/>
                <a:moveTo>
                  <a:pt x="343191" y="6474347"/>
                </a:moveTo>
                <a:lnTo>
                  <a:pt x="343191" y="6545648"/>
                </a:lnTo>
                <a:lnTo>
                  <a:pt x="414492" y="6545648"/>
                </a:lnTo>
                <a:lnTo>
                  <a:pt x="414492" y="6474347"/>
                </a:lnTo>
                <a:close/>
                <a:moveTo>
                  <a:pt x="200587" y="6474347"/>
                </a:moveTo>
                <a:lnTo>
                  <a:pt x="200587" y="6545648"/>
                </a:lnTo>
                <a:lnTo>
                  <a:pt x="271888" y="6545648"/>
                </a:lnTo>
                <a:lnTo>
                  <a:pt x="271888" y="6474347"/>
                </a:lnTo>
                <a:close/>
                <a:moveTo>
                  <a:pt x="57918" y="6474347"/>
                </a:moveTo>
                <a:lnTo>
                  <a:pt x="57918" y="6545648"/>
                </a:lnTo>
                <a:lnTo>
                  <a:pt x="129219" y="6545648"/>
                </a:lnTo>
                <a:lnTo>
                  <a:pt x="129219" y="6474347"/>
                </a:lnTo>
                <a:close/>
                <a:moveTo>
                  <a:pt x="10040665" y="6325709"/>
                </a:moveTo>
                <a:lnTo>
                  <a:pt x="10040665" y="6397010"/>
                </a:lnTo>
                <a:lnTo>
                  <a:pt x="10111966" y="6397010"/>
                </a:lnTo>
                <a:lnTo>
                  <a:pt x="10111966" y="6325709"/>
                </a:lnTo>
                <a:close/>
                <a:moveTo>
                  <a:pt x="9898063" y="6325709"/>
                </a:moveTo>
                <a:lnTo>
                  <a:pt x="9898063" y="6397010"/>
                </a:lnTo>
                <a:lnTo>
                  <a:pt x="9969363" y="6397010"/>
                </a:lnTo>
                <a:lnTo>
                  <a:pt x="9969363" y="6325709"/>
                </a:lnTo>
                <a:close/>
                <a:moveTo>
                  <a:pt x="9755391" y="6325709"/>
                </a:moveTo>
                <a:lnTo>
                  <a:pt x="9755391" y="6397010"/>
                </a:lnTo>
                <a:lnTo>
                  <a:pt x="9826692" y="6397010"/>
                </a:lnTo>
                <a:lnTo>
                  <a:pt x="9826692" y="6325709"/>
                </a:lnTo>
                <a:close/>
                <a:moveTo>
                  <a:pt x="9612718" y="6325709"/>
                </a:moveTo>
                <a:lnTo>
                  <a:pt x="9612718" y="6397010"/>
                </a:lnTo>
                <a:lnTo>
                  <a:pt x="9684019" y="6397010"/>
                </a:lnTo>
                <a:lnTo>
                  <a:pt x="9684019" y="6325709"/>
                </a:lnTo>
                <a:close/>
                <a:moveTo>
                  <a:pt x="9470117" y="6325709"/>
                </a:moveTo>
                <a:lnTo>
                  <a:pt x="9470117" y="6397010"/>
                </a:lnTo>
                <a:lnTo>
                  <a:pt x="9541417" y="6397010"/>
                </a:lnTo>
                <a:lnTo>
                  <a:pt x="9541417" y="6325709"/>
                </a:lnTo>
                <a:close/>
                <a:moveTo>
                  <a:pt x="9327444" y="6325709"/>
                </a:moveTo>
                <a:lnTo>
                  <a:pt x="9327444" y="6397010"/>
                </a:lnTo>
                <a:lnTo>
                  <a:pt x="9398745" y="6397010"/>
                </a:lnTo>
                <a:lnTo>
                  <a:pt x="9398745" y="6325709"/>
                </a:lnTo>
                <a:close/>
                <a:moveTo>
                  <a:pt x="9184842" y="6325709"/>
                </a:moveTo>
                <a:lnTo>
                  <a:pt x="9184842" y="6397010"/>
                </a:lnTo>
                <a:lnTo>
                  <a:pt x="9256143" y="6397010"/>
                </a:lnTo>
                <a:lnTo>
                  <a:pt x="9256143" y="6325709"/>
                </a:lnTo>
                <a:close/>
                <a:moveTo>
                  <a:pt x="9042170" y="6325709"/>
                </a:moveTo>
                <a:lnTo>
                  <a:pt x="9042170" y="6397010"/>
                </a:lnTo>
                <a:lnTo>
                  <a:pt x="9113471" y="6397010"/>
                </a:lnTo>
                <a:lnTo>
                  <a:pt x="9113471" y="6325709"/>
                </a:lnTo>
                <a:close/>
                <a:moveTo>
                  <a:pt x="8899568" y="6325709"/>
                </a:moveTo>
                <a:lnTo>
                  <a:pt x="8899568" y="6397010"/>
                </a:lnTo>
                <a:lnTo>
                  <a:pt x="8970869" y="6397010"/>
                </a:lnTo>
                <a:lnTo>
                  <a:pt x="8970869" y="6325709"/>
                </a:lnTo>
                <a:close/>
                <a:moveTo>
                  <a:pt x="8756896" y="6325709"/>
                </a:moveTo>
                <a:lnTo>
                  <a:pt x="8756896" y="6397010"/>
                </a:lnTo>
                <a:lnTo>
                  <a:pt x="8828196" y="6397010"/>
                </a:lnTo>
                <a:lnTo>
                  <a:pt x="8828196" y="6325709"/>
                </a:lnTo>
                <a:close/>
                <a:moveTo>
                  <a:pt x="8614223" y="6325709"/>
                </a:moveTo>
                <a:lnTo>
                  <a:pt x="8614223" y="6397010"/>
                </a:lnTo>
                <a:lnTo>
                  <a:pt x="8685524" y="6397010"/>
                </a:lnTo>
                <a:lnTo>
                  <a:pt x="8685524" y="6325709"/>
                </a:lnTo>
                <a:close/>
                <a:moveTo>
                  <a:pt x="8471622" y="6325709"/>
                </a:moveTo>
                <a:lnTo>
                  <a:pt x="8471622" y="6397010"/>
                </a:lnTo>
                <a:lnTo>
                  <a:pt x="8542923" y="6397010"/>
                </a:lnTo>
                <a:lnTo>
                  <a:pt x="8542923" y="6325709"/>
                </a:lnTo>
                <a:close/>
                <a:moveTo>
                  <a:pt x="8328949" y="6325709"/>
                </a:moveTo>
                <a:lnTo>
                  <a:pt x="8328949" y="6397010"/>
                </a:lnTo>
                <a:lnTo>
                  <a:pt x="8400250" y="6397010"/>
                </a:lnTo>
                <a:lnTo>
                  <a:pt x="8400250" y="6325709"/>
                </a:lnTo>
                <a:close/>
                <a:moveTo>
                  <a:pt x="8186348" y="6325709"/>
                </a:moveTo>
                <a:lnTo>
                  <a:pt x="8186348" y="6397010"/>
                </a:lnTo>
                <a:lnTo>
                  <a:pt x="8257649" y="6397010"/>
                </a:lnTo>
                <a:lnTo>
                  <a:pt x="8257649" y="6325709"/>
                </a:lnTo>
                <a:close/>
                <a:moveTo>
                  <a:pt x="8043675" y="6325709"/>
                </a:moveTo>
                <a:lnTo>
                  <a:pt x="8043675" y="6397010"/>
                </a:lnTo>
                <a:lnTo>
                  <a:pt x="8114976" y="6397010"/>
                </a:lnTo>
                <a:lnTo>
                  <a:pt x="8114976" y="6325709"/>
                </a:lnTo>
                <a:close/>
                <a:moveTo>
                  <a:pt x="7901003" y="6325709"/>
                </a:moveTo>
                <a:lnTo>
                  <a:pt x="7901003" y="6397010"/>
                </a:lnTo>
                <a:lnTo>
                  <a:pt x="7972304" y="6397010"/>
                </a:lnTo>
                <a:lnTo>
                  <a:pt x="7972304" y="6325709"/>
                </a:lnTo>
                <a:close/>
                <a:moveTo>
                  <a:pt x="7758401" y="6325709"/>
                </a:moveTo>
                <a:lnTo>
                  <a:pt x="7758401" y="6397010"/>
                </a:lnTo>
                <a:lnTo>
                  <a:pt x="7829702" y="6397010"/>
                </a:lnTo>
                <a:lnTo>
                  <a:pt x="7829702" y="6325709"/>
                </a:lnTo>
                <a:close/>
                <a:moveTo>
                  <a:pt x="7615728" y="6325709"/>
                </a:moveTo>
                <a:lnTo>
                  <a:pt x="7615728" y="6397010"/>
                </a:lnTo>
                <a:lnTo>
                  <a:pt x="7687029" y="6397010"/>
                </a:lnTo>
                <a:lnTo>
                  <a:pt x="7687029" y="6325709"/>
                </a:lnTo>
                <a:close/>
                <a:moveTo>
                  <a:pt x="7473127" y="6325709"/>
                </a:moveTo>
                <a:lnTo>
                  <a:pt x="7473127" y="6397010"/>
                </a:lnTo>
                <a:lnTo>
                  <a:pt x="7544428" y="6397010"/>
                </a:lnTo>
                <a:lnTo>
                  <a:pt x="7544428" y="6325709"/>
                </a:lnTo>
                <a:close/>
                <a:moveTo>
                  <a:pt x="7330454" y="6325709"/>
                </a:moveTo>
                <a:lnTo>
                  <a:pt x="7330454" y="6397010"/>
                </a:lnTo>
                <a:lnTo>
                  <a:pt x="7401755" y="6397010"/>
                </a:lnTo>
                <a:lnTo>
                  <a:pt x="7401755" y="6325709"/>
                </a:lnTo>
                <a:close/>
                <a:moveTo>
                  <a:pt x="7187853" y="6325709"/>
                </a:moveTo>
                <a:lnTo>
                  <a:pt x="7187853" y="6397010"/>
                </a:lnTo>
                <a:lnTo>
                  <a:pt x="7259154" y="6397010"/>
                </a:lnTo>
                <a:lnTo>
                  <a:pt x="7259154" y="6325709"/>
                </a:lnTo>
                <a:close/>
                <a:moveTo>
                  <a:pt x="7045180" y="6325709"/>
                </a:moveTo>
                <a:lnTo>
                  <a:pt x="7045180" y="6397010"/>
                </a:lnTo>
                <a:lnTo>
                  <a:pt x="7116481" y="6397010"/>
                </a:lnTo>
                <a:lnTo>
                  <a:pt x="7116481" y="6325709"/>
                </a:lnTo>
                <a:close/>
                <a:moveTo>
                  <a:pt x="6902579" y="6325709"/>
                </a:moveTo>
                <a:lnTo>
                  <a:pt x="6902579" y="6397010"/>
                </a:lnTo>
                <a:lnTo>
                  <a:pt x="6973880" y="6397010"/>
                </a:lnTo>
                <a:lnTo>
                  <a:pt x="6973880" y="6325709"/>
                </a:lnTo>
                <a:close/>
                <a:moveTo>
                  <a:pt x="6759906" y="6325709"/>
                </a:moveTo>
                <a:lnTo>
                  <a:pt x="6759906" y="6397010"/>
                </a:lnTo>
                <a:lnTo>
                  <a:pt x="6831207" y="6397010"/>
                </a:lnTo>
                <a:lnTo>
                  <a:pt x="6831207" y="6325709"/>
                </a:lnTo>
                <a:close/>
                <a:moveTo>
                  <a:pt x="6617234" y="6325709"/>
                </a:moveTo>
                <a:lnTo>
                  <a:pt x="6617234" y="6397010"/>
                </a:lnTo>
                <a:lnTo>
                  <a:pt x="6688535" y="6397010"/>
                </a:lnTo>
                <a:lnTo>
                  <a:pt x="6688535" y="6325709"/>
                </a:lnTo>
                <a:close/>
                <a:moveTo>
                  <a:pt x="6474632" y="6325709"/>
                </a:moveTo>
                <a:lnTo>
                  <a:pt x="6474632" y="6397010"/>
                </a:lnTo>
                <a:lnTo>
                  <a:pt x="6545933" y="6397010"/>
                </a:lnTo>
                <a:lnTo>
                  <a:pt x="6545933" y="6325709"/>
                </a:lnTo>
                <a:close/>
                <a:moveTo>
                  <a:pt x="6331959" y="6325709"/>
                </a:moveTo>
                <a:lnTo>
                  <a:pt x="6331959" y="6397010"/>
                </a:lnTo>
                <a:lnTo>
                  <a:pt x="6403260" y="6397010"/>
                </a:lnTo>
                <a:lnTo>
                  <a:pt x="6403260" y="6325709"/>
                </a:lnTo>
                <a:close/>
                <a:moveTo>
                  <a:pt x="6189358" y="6325709"/>
                </a:moveTo>
                <a:lnTo>
                  <a:pt x="6189358" y="6397010"/>
                </a:lnTo>
                <a:lnTo>
                  <a:pt x="6260659" y="6397010"/>
                </a:lnTo>
                <a:lnTo>
                  <a:pt x="6260659" y="6325709"/>
                </a:lnTo>
                <a:close/>
                <a:moveTo>
                  <a:pt x="6046689" y="6325709"/>
                </a:moveTo>
                <a:lnTo>
                  <a:pt x="6046689" y="6397010"/>
                </a:lnTo>
                <a:lnTo>
                  <a:pt x="6117986" y="6397010"/>
                </a:lnTo>
                <a:lnTo>
                  <a:pt x="6117986" y="6325709"/>
                </a:lnTo>
                <a:close/>
                <a:moveTo>
                  <a:pt x="5904022" y="6325709"/>
                </a:moveTo>
                <a:lnTo>
                  <a:pt x="5904022" y="6397010"/>
                </a:lnTo>
                <a:lnTo>
                  <a:pt x="5975319" y="6397010"/>
                </a:lnTo>
                <a:lnTo>
                  <a:pt x="5975319" y="6325709"/>
                </a:lnTo>
                <a:close/>
                <a:moveTo>
                  <a:pt x="5761426" y="6325709"/>
                </a:moveTo>
                <a:lnTo>
                  <a:pt x="5761426" y="6397010"/>
                </a:lnTo>
                <a:lnTo>
                  <a:pt x="5832724" y="6397010"/>
                </a:lnTo>
                <a:lnTo>
                  <a:pt x="5832724" y="6325709"/>
                </a:lnTo>
                <a:close/>
                <a:moveTo>
                  <a:pt x="5618761" y="6325709"/>
                </a:moveTo>
                <a:lnTo>
                  <a:pt x="5618761" y="6397010"/>
                </a:lnTo>
                <a:lnTo>
                  <a:pt x="5690059" y="6397010"/>
                </a:lnTo>
                <a:lnTo>
                  <a:pt x="5690059" y="6325709"/>
                </a:lnTo>
                <a:close/>
                <a:moveTo>
                  <a:pt x="5476167" y="6325709"/>
                </a:moveTo>
                <a:lnTo>
                  <a:pt x="5476167" y="6397010"/>
                </a:lnTo>
                <a:lnTo>
                  <a:pt x="5547465" y="6397010"/>
                </a:lnTo>
                <a:lnTo>
                  <a:pt x="5547465" y="6325709"/>
                </a:lnTo>
                <a:close/>
                <a:moveTo>
                  <a:pt x="5333500" y="6325709"/>
                </a:moveTo>
                <a:lnTo>
                  <a:pt x="5333500" y="6397010"/>
                </a:lnTo>
                <a:lnTo>
                  <a:pt x="5404799" y="6397010"/>
                </a:lnTo>
                <a:lnTo>
                  <a:pt x="5404799" y="6325709"/>
                </a:lnTo>
                <a:close/>
                <a:moveTo>
                  <a:pt x="5190877" y="6325709"/>
                </a:moveTo>
                <a:lnTo>
                  <a:pt x="5190877" y="6397010"/>
                </a:lnTo>
                <a:lnTo>
                  <a:pt x="5262188" y="6397010"/>
                </a:lnTo>
                <a:lnTo>
                  <a:pt x="5262188" y="6325709"/>
                </a:lnTo>
                <a:close/>
                <a:moveTo>
                  <a:pt x="5048236" y="6325709"/>
                </a:moveTo>
                <a:lnTo>
                  <a:pt x="5048236" y="6397010"/>
                </a:lnTo>
                <a:lnTo>
                  <a:pt x="5119527" y="6397010"/>
                </a:lnTo>
                <a:lnTo>
                  <a:pt x="5119527" y="6325709"/>
                </a:lnTo>
                <a:close/>
                <a:moveTo>
                  <a:pt x="4906607" y="6325709"/>
                </a:moveTo>
                <a:lnTo>
                  <a:pt x="4906607" y="6397010"/>
                </a:lnTo>
                <a:lnTo>
                  <a:pt x="4977916" y="6397010"/>
                </a:lnTo>
                <a:lnTo>
                  <a:pt x="4977916" y="6325709"/>
                </a:lnTo>
                <a:close/>
                <a:moveTo>
                  <a:pt x="4764013" y="6325709"/>
                </a:moveTo>
                <a:lnTo>
                  <a:pt x="4764013" y="6397010"/>
                </a:lnTo>
                <a:lnTo>
                  <a:pt x="4835311" y="6397010"/>
                </a:lnTo>
                <a:lnTo>
                  <a:pt x="4835311" y="6325709"/>
                </a:lnTo>
                <a:close/>
                <a:moveTo>
                  <a:pt x="4621341" y="6325709"/>
                </a:moveTo>
                <a:lnTo>
                  <a:pt x="4621341" y="6397010"/>
                </a:lnTo>
                <a:lnTo>
                  <a:pt x="4692639" y="6397010"/>
                </a:lnTo>
                <a:lnTo>
                  <a:pt x="4692639" y="6325709"/>
                </a:lnTo>
                <a:close/>
                <a:moveTo>
                  <a:pt x="4478666" y="6325709"/>
                </a:moveTo>
                <a:lnTo>
                  <a:pt x="4478666" y="6397010"/>
                </a:lnTo>
                <a:lnTo>
                  <a:pt x="4549969" y="6397010"/>
                </a:lnTo>
                <a:lnTo>
                  <a:pt x="4549969" y="6325709"/>
                </a:lnTo>
                <a:close/>
                <a:moveTo>
                  <a:pt x="4336067" y="6325709"/>
                </a:moveTo>
                <a:lnTo>
                  <a:pt x="4336067" y="6397010"/>
                </a:lnTo>
                <a:lnTo>
                  <a:pt x="4407366" y="6397010"/>
                </a:lnTo>
                <a:lnTo>
                  <a:pt x="4407366" y="6325709"/>
                </a:lnTo>
                <a:close/>
                <a:moveTo>
                  <a:pt x="4193413" y="6325709"/>
                </a:moveTo>
                <a:lnTo>
                  <a:pt x="4193413" y="6397010"/>
                </a:lnTo>
                <a:lnTo>
                  <a:pt x="4264695" y="6397010"/>
                </a:lnTo>
                <a:lnTo>
                  <a:pt x="4264695" y="6325709"/>
                </a:lnTo>
                <a:close/>
                <a:moveTo>
                  <a:pt x="4050810" y="6325709"/>
                </a:moveTo>
                <a:lnTo>
                  <a:pt x="4050810" y="6397010"/>
                </a:lnTo>
                <a:lnTo>
                  <a:pt x="4122113" y="6397010"/>
                </a:lnTo>
                <a:lnTo>
                  <a:pt x="4122113" y="6325709"/>
                </a:lnTo>
                <a:close/>
                <a:moveTo>
                  <a:pt x="3908136" y="6325709"/>
                </a:moveTo>
                <a:lnTo>
                  <a:pt x="3908136" y="6397010"/>
                </a:lnTo>
                <a:lnTo>
                  <a:pt x="3979438" y="6397010"/>
                </a:lnTo>
                <a:lnTo>
                  <a:pt x="3979438" y="6325709"/>
                </a:lnTo>
                <a:close/>
                <a:moveTo>
                  <a:pt x="3765462" y="6325709"/>
                </a:moveTo>
                <a:lnTo>
                  <a:pt x="3765462" y="6397010"/>
                </a:lnTo>
                <a:lnTo>
                  <a:pt x="3836763" y="6397010"/>
                </a:lnTo>
                <a:lnTo>
                  <a:pt x="3836763" y="6325709"/>
                </a:lnTo>
                <a:close/>
                <a:moveTo>
                  <a:pt x="3622851" y="6325709"/>
                </a:moveTo>
                <a:lnTo>
                  <a:pt x="3622851" y="6397010"/>
                </a:lnTo>
                <a:lnTo>
                  <a:pt x="3694151" y="6397010"/>
                </a:lnTo>
                <a:lnTo>
                  <a:pt x="3694151" y="6325709"/>
                </a:lnTo>
                <a:close/>
                <a:moveTo>
                  <a:pt x="3480203" y="6325709"/>
                </a:moveTo>
                <a:lnTo>
                  <a:pt x="3480203" y="6397010"/>
                </a:lnTo>
                <a:lnTo>
                  <a:pt x="3551509" y="6397010"/>
                </a:lnTo>
                <a:lnTo>
                  <a:pt x="3551509" y="6325709"/>
                </a:lnTo>
                <a:close/>
                <a:moveTo>
                  <a:pt x="3337580" y="6325709"/>
                </a:moveTo>
                <a:lnTo>
                  <a:pt x="3337580" y="6397010"/>
                </a:lnTo>
                <a:lnTo>
                  <a:pt x="3408881" y="6397010"/>
                </a:lnTo>
                <a:lnTo>
                  <a:pt x="3408881" y="6325709"/>
                </a:lnTo>
                <a:close/>
                <a:moveTo>
                  <a:pt x="3194905" y="6325709"/>
                </a:moveTo>
                <a:lnTo>
                  <a:pt x="3194905" y="6397010"/>
                </a:lnTo>
                <a:lnTo>
                  <a:pt x="3266208" y="6397010"/>
                </a:lnTo>
                <a:lnTo>
                  <a:pt x="3266208" y="6325709"/>
                </a:lnTo>
                <a:close/>
                <a:moveTo>
                  <a:pt x="3052305" y="6325709"/>
                </a:moveTo>
                <a:lnTo>
                  <a:pt x="3052305" y="6397010"/>
                </a:lnTo>
                <a:lnTo>
                  <a:pt x="3123607" y="6397010"/>
                </a:lnTo>
                <a:lnTo>
                  <a:pt x="3123607" y="6325709"/>
                </a:lnTo>
                <a:close/>
                <a:moveTo>
                  <a:pt x="2909633" y="6325709"/>
                </a:moveTo>
                <a:lnTo>
                  <a:pt x="2909633" y="6397010"/>
                </a:lnTo>
                <a:lnTo>
                  <a:pt x="2980934" y="6397010"/>
                </a:lnTo>
                <a:lnTo>
                  <a:pt x="2980934" y="6325709"/>
                </a:lnTo>
                <a:close/>
                <a:moveTo>
                  <a:pt x="2767033" y="6325709"/>
                </a:moveTo>
                <a:lnTo>
                  <a:pt x="2767033" y="6397010"/>
                </a:lnTo>
                <a:lnTo>
                  <a:pt x="2838334" y="6397010"/>
                </a:lnTo>
                <a:lnTo>
                  <a:pt x="2838334" y="6325709"/>
                </a:lnTo>
                <a:close/>
                <a:moveTo>
                  <a:pt x="2624361" y="6325709"/>
                </a:moveTo>
                <a:lnTo>
                  <a:pt x="2624361" y="6397010"/>
                </a:lnTo>
                <a:lnTo>
                  <a:pt x="2695661" y="6397010"/>
                </a:lnTo>
                <a:lnTo>
                  <a:pt x="2695661" y="6325709"/>
                </a:lnTo>
                <a:close/>
                <a:moveTo>
                  <a:pt x="2481690" y="6325709"/>
                </a:moveTo>
                <a:lnTo>
                  <a:pt x="2481690" y="6397010"/>
                </a:lnTo>
                <a:lnTo>
                  <a:pt x="2552991" y="6397010"/>
                </a:lnTo>
                <a:lnTo>
                  <a:pt x="2552991" y="6325709"/>
                </a:lnTo>
                <a:close/>
                <a:moveTo>
                  <a:pt x="2339091" y="6325709"/>
                </a:moveTo>
                <a:lnTo>
                  <a:pt x="2339091" y="6397010"/>
                </a:lnTo>
                <a:lnTo>
                  <a:pt x="2410390" y="6397010"/>
                </a:lnTo>
                <a:lnTo>
                  <a:pt x="2410390" y="6325709"/>
                </a:lnTo>
                <a:close/>
                <a:moveTo>
                  <a:pt x="2196420" y="6325709"/>
                </a:moveTo>
                <a:lnTo>
                  <a:pt x="2196420" y="6397010"/>
                </a:lnTo>
                <a:lnTo>
                  <a:pt x="2267720" y="6397010"/>
                </a:lnTo>
                <a:lnTo>
                  <a:pt x="2267720" y="6325709"/>
                </a:lnTo>
                <a:close/>
                <a:moveTo>
                  <a:pt x="2053813" y="6325709"/>
                </a:moveTo>
                <a:lnTo>
                  <a:pt x="2053813" y="6397010"/>
                </a:lnTo>
                <a:lnTo>
                  <a:pt x="2125117" y="6397010"/>
                </a:lnTo>
                <a:lnTo>
                  <a:pt x="2125117" y="6325709"/>
                </a:lnTo>
                <a:close/>
                <a:moveTo>
                  <a:pt x="1911141" y="6325709"/>
                </a:moveTo>
                <a:lnTo>
                  <a:pt x="1911141" y="6397010"/>
                </a:lnTo>
                <a:lnTo>
                  <a:pt x="1982442" y="6397010"/>
                </a:lnTo>
                <a:lnTo>
                  <a:pt x="1982442" y="6325709"/>
                </a:lnTo>
                <a:close/>
                <a:moveTo>
                  <a:pt x="1768470" y="6325709"/>
                </a:moveTo>
                <a:lnTo>
                  <a:pt x="1768470" y="6397010"/>
                </a:lnTo>
                <a:lnTo>
                  <a:pt x="1839771" y="6397010"/>
                </a:lnTo>
                <a:lnTo>
                  <a:pt x="1839771" y="6325709"/>
                </a:lnTo>
                <a:close/>
                <a:moveTo>
                  <a:pt x="1625870" y="6325709"/>
                </a:moveTo>
                <a:lnTo>
                  <a:pt x="1625870" y="6397010"/>
                </a:lnTo>
                <a:lnTo>
                  <a:pt x="1697170" y="6397010"/>
                </a:lnTo>
                <a:lnTo>
                  <a:pt x="1697170" y="6325709"/>
                </a:lnTo>
                <a:close/>
                <a:moveTo>
                  <a:pt x="1483199" y="6325709"/>
                </a:moveTo>
                <a:lnTo>
                  <a:pt x="1483199" y="6397010"/>
                </a:lnTo>
                <a:lnTo>
                  <a:pt x="1554500" y="6397010"/>
                </a:lnTo>
                <a:lnTo>
                  <a:pt x="1554500" y="6325709"/>
                </a:lnTo>
                <a:close/>
                <a:moveTo>
                  <a:pt x="1340599" y="6325709"/>
                </a:moveTo>
                <a:lnTo>
                  <a:pt x="1340599" y="6397010"/>
                </a:lnTo>
                <a:lnTo>
                  <a:pt x="1411899" y="6397010"/>
                </a:lnTo>
                <a:lnTo>
                  <a:pt x="1411899" y="6325709"/>
                </a:lnTo>
                <a:close/>
                <a:moveTo>
                  <a:pt x="1197929" y="6325709"/>
                </a:moveTo>
                <a:lnTo>
                  <a:pt x="1197929" y="6397010"/>
                </a:lnTo>
                <a:lnTo>
                  <a:pt x="1269230" y="6397010"/>
                </a:lnTo>
                <a:lnTo>
                  <a:pt x="1269230" y="6325709"/>
                </a:lnTo>
                <a:close/>
                <a:moveTo>
                  <a:pt x="1055311" y="6325709"/>
                </a:moveTo>
                <a:lnTo>
                  <a:pt x="1055311" y="6397010"/>
                </a:lnTo>
                <a:lnTo>
                  <a:pt x="1126612" y="6397010"/>
                </a:lnTo>
                <a:lnTo>
                  <a:pt x="1126612" y="6325709"/>
                </a:lnTo>
                <a:close/>
                <a:moveTo>
                  <a:pt x="912657" y="6325709"/>
                </a:moveTo>
                <a:lnTo>
                  <a:pt x="912657" y="6397010"/>
                </a:lnTo>
                <a:lnTo>
                  <a:pt x="983958" y="6397010"/>
                </a:lnTo>
                <a:lnTo>
                  <a:pt x="983958" y="6325709"/>
                </a:lnTo>
                <a:close/>
                <a:moveTo>
                  <a:pt x="771136" y="6325709"/>
                </a:moveTo>
                <a:lnTo>
                  <a:pt x="771136" y="6397010"/>
                </a:lnTo>
                <a:lnTo>
                  <a:pt x="842437" y="6397010"/>
                </a:lnTo>
                <a:lnTo>
                  <a:pt x="842437" y="6325709"/>
                </a:lnTo>
                <a:close/>
                <a:moveTo>
                  <a:pt x="628534" y="6325709"/>
                </a:moveTo>
                <a:lnTo>
                  <a:pt x="628534" y="6397010"/>
                </a:lnTo>
                <a:lnTo>
                  <a:pt x="699835" y="6397010"/>
                </a:lnTo>
                <a:lnTo>
                  <a:pt x="699835" y="6325709"/>
                </a:lnTo>
                <a:close/>
                <a:moveTo>
                  <a:pt x="485863" y="6325709"/>
                </a:moveTo>
                <a:lnTo>
                  <a:pt x="485863" y="6397010"/>
                </a:lnTo>
                <a:lnTo>
                  <a:pt x="557163" y="6397010"/>
                </a:lnTo>
                <a:lnTo>
                  <a:pt x="557163" y="6325709"/>
                </a:lnTo>
                <a:close/>
                <a:moveTo>
                  <a:pt x="343191" y="6325709"/>
                </a:moveTo>
                <a:lnTo>
                  <a:pt x="343191" y="6397010"/>
                </a:lnTo>
                <a:lnTo>
                  <a:pt x="414492" y="6397010"/>
                </a:lnTo>
                <a:lnTo>
                  <a:pt x="414492" y="6325709"/>
                </a:lnTo>
                <a:close/>
                <a:moveTo>
                  <a:pt x="200590" y="6325709"/>
                </a:moveTo>
                <a:lnTo>
                  <a:pt x="200590" y="6397010"/>
                </a:lnTo>
                <a:lnTo>
                  <a:pt x="271891" y="6397010"/>
                </a:lnTo>
                <a:lnTo>
                  <a:pt x="271891" y="6325709"/>
                </a:lnTo>
                <a:close/>
                <a:moveTo>
                  <a:pt x="57918" y="6325709"/>
                </a:moveTo>
                <a:lnTo>
                  <a:pt x="57918" y="6397010"/>
                </a:lnTo>
                <a:lnTo>
                  <a:pt x="129219" y="6397010"/>
                </a:lnTo>
                <a:lnTo>
                  <a:pt x="129219" y="6325709"/>
                </a:lnTo>
                <a:close/>
                <a:moveTo>
                  <a:pt x="9755391" y="6183107"/>
                </a:moveTo>
                <a:lnTo>
                  <a:pt x="9755391" y="6254408"/>
                </a:lnTo>
                <a:lnTo>
                  <a:pt x="9826692" y="6254408"/>
                </a:lnTo>
                <a:lnTo>
                  <a:pt x="9826692" y="6183107"/>
                </a:lnTo>
                <a:close/>
                <a:moveTo>
                  <a:pt x="9612718" y="6183107"/>
                </a:moveTo>
                <a:lnTo>
                  <a:pt x="9612718" y="6254408"/>
                </a:lnTo>
                <a:lnTo>
                  <a:pt x="9684019" y="6254408"/>
                </a:lnTo>
                <a:lnTo>
                  <a:pt x="9684019" y="6183107"/>
                </a:lnTo>
                <a:close/>
                <a:moveTo>
                  <a:pt x="9470117" y="6183107"/>
                </a:moveTo>
                <a:lnTo>
                  <a:pt x="9470117" y="6254408"/>
                </a:lnTo>
                <a:lnTo>
                  <a:pt x="9541417" y="6254408"/>
                </a:lnTo>
                <a:lnTo>
                  <a:pt x="9541417" y="6183107"/>
                </a:lnTo>
                <a:close/>
                <a:moveTo>
                  <a:pt x="9327444" y="6183107"/>
                </a:moveTo>
                <a:lnTo>
                  <a:pt x="9327444" y="6254408"/>
                </a:lnTo>
                <a:lnTo>
                  <a:pt x="9398745" y="6254408"/>
                </a:lnTo>
                <a:lnTo>
                  <a:pt x="9398745" y="6183107"/>
                </a:lnTo>
                <a:close/>
                <a:moveTo>
                  <a:pt x="9184842" y="6183107"/>
                </a:moveTo>
                <a:lnTo>
                  <a:pt x="9184842" y="6254408"/>
                </a:lnTo>
                <a:lnTo>
                  <a:pt x="9256143" y="6254408"/>
                </a:lnTo>
                <a:lnTo>
                  <a:pt x="9256143" y="6183107"/>
                </a:lnTo>
                <a:close/>
                <a:moveTo>
                  <a:pt x="9042170" y="6183107"/>
                </a:moveTo>
                <a:lnTo>
                  <a:pt x="9042170" y="6254408"/>
                </a:lnTo>
                <a:lnTo>
                  <a:pt x="9113471" y="6254408"/>
                </a:lnTo>
                <a:lnTo>
                  <a:pt x="9113471" y="6183107"/>
                </a:lnTo>
                <a:close/>
                <a:moveTo>
                  <a:pt x="8899568" y="6183107"/>
                </a:moveTo>
                <a:lnTo>
                  <a:pt x="8899568" y="6254408"/>
                </a:lnTo>
                <a:lnTo>
                  <a:pt x="8970869" y="6254408"/>
                </a:lnTo>
                <a:lnTo>
                  <a:pt x="8970869" y="6183107"/>
                </a:lnTo>
                <a:close/>
                <a:moveTo>
                  <a:pt x="8756896" y="6183107"/>
                </a:moveTo>
                <a:lnTo>
                  <a:pt x="8756896" y="6254408"/>
                </a:lnTo>
                <a:lnTo>
                  <a:pt x="8828196" y="6254408"/>
                </a:lnTo>
                <a:lnTo>
                  <a:pt x="8828196" y="6183107"/>
                </a:lnTo>
                <a:close/>
                <a:moveTo>
                  <a:pt x="8614223" y="6183107"/>
                </a:moveTo>
                <a:lnTo>
                  <a:pt x="8614223" y="6254408"/>
                </a:lnTo>
                <a:lnTo>
                  <a:pt x="8685524" y="6254408"/>
                </a:lnTo>
                <a:lnTo>
                  <a:pt x="8685524" y="6183107"/>
                </a:lnTo>
                <a:close/>
                <a:moveTo>
                  <a:pt x="8471622" y="6183107"/>
                </a:moveTo>
                <a:lnTo>
                  <a:pt x="8471622" y="6254408"/>
                </a:lnTo>
                <a:lnTo>
                  <a:pt x="8542923" y="6254408"/>
                </a:lnTo>
                <a:lnTo>
                  <a:pt x="8542923" y="6183107"/>
                </a:lnTo>
                <a:close/>
                <a:moveTo>
                  <a:pt x="8328949" y="6183107"/>
                </a:moveTo>
                <a:lnTo>
                  <a:pt x="8328949" y="6254408"/>
                </a:lnTo>
                <a:lnTo>
                  <a:pt x="8400250" y="6254408"/>
                </a:lnTo>
                <a:lnTo>
                  <a:pt x="8400250" y="6183107"/>
                </a:lnTo>
                <a:close/>
                <a:moveTo>
                  <a:pt x="8186348" y="6183107"/>
                </a:moveTo>
                <a:lnTo>
                  <a:pt x="8186348" y="6254408"/>
                </a:lnTo>
                <a:lnTo>
                  <a:pt x="8257649" y="6254408"/>
                </a:lnTo>
                <a:lnTo>
                  <a:pt x="8257649" y="6183107"/>
                </a:lnTo>
                <a:close/>
                <a:moveTo>
                  <a:pt x="8043675" y="6183107"/>
                </a:moveTo>
                <a:lnTo>
                  <a:pt x="8043675" y="6254408"/>
                </a:lnTo>
                <a:lnTo>
                  <a:pt x="8114976" y="6254408"/>
                </a:lnTo>
                <a:lnTo>
                  <a:pt x="8114976" y="6183107"/>
                </a:lnTo>
                <a:close/>
                <a:moveTo>
                  <a:pt x="7901003" y="6183107"/>
                </a:moveTo>
                <a:lnTo>
                  <a:pt x="7901003" y="6254408"/>
                </a:lnTo>
                <a:lnTo>
                  <a:pt x="7972304" y="6254408"/>
                </a:lnTo>
                <a:lnTo>
                  <a:pt x="7972304" y="6183107"/>
                </a:lnTo>
                <a:close/>
                <a:moveTo>
                  <a:pt x="7758401" y="6183107"/>
                </a:moveTo>
                <a:lnTo>
                  <a:pt x="7758401" y="6254408"/>
                </a:lnTo>
                <a:lnTo>
                  <a:pt x="7829702" y="6254408"/>
                </a:lnTo>
                <a:lnTo>
                  <a:pt x="7829702" y="6183107"/>
                </a:lnTo>
                <a:close/>
                <a:moveTo>
                  <a:pt x="7615728" y="6183107"/>
                </a:moveTo>
                <a:lnTo>
                  <a:pt x="7615728" y="6254408"/>
                </a:lnTo>
                <a:lnTo>
                  <a:pt x="7687029" y="6254408"/>
                </a:lnTo>
                <a:lnTo>
                  <a:pt x="7687029" y="6183107"/>
                </a:lnTo>
                <a:close/>
                <a:moveTo>
                  <a:pt x="7473127" y="6183107"/>
                </a:moveTo>
                <a:lnTo>
                  <a:pt x="7473127" y="6254408"/>
                </a:lnTo>
                <a:lnTo>
                  <a:pt x="7544428" y="6254408"/>
                </a:lnTo>
                <a:lnTo>
                  <a:pt x="7544428" y="6183107"/>
                </a:lnTo>
                <a:close/>
                <a:moveTo>
                  <a:pt x="7330454" y="6183107"/>
                </a:moveTo>
                <a:lnTo>
                  <a:pt x="7330454" y="6254408"/>
                </a:lnTo>
                <a:lnTo>
                  <a:pt x="7401755" y="6254408"/>
                </a:lnTo>
                <a:lnTo>
                  <a:pt x="7401755" y="6183107"/>
                </a:lnTo>
                <a:close/>
                <a:moveTo>
                  <a:pt x="7187853" y="6183107"/>
                </a:moveTo>
                <a:lnTo>
                  <a:pt x="7187853" y="6254408"/>
                </a:lnTo>
                <a:lnTo>
                  <a:pt x="7259154" y="6254408"/>
                </a:lnTo>
                <a:lnTo>
                  <a:pt x="7259154" y="6183107"/>
                </a:lnTo>
                <a:close/>
                <a:moveTo>
                  <a:pt x="7045180" y="6183107"/>
                </a:moveTo>
                <a:lnTo>
                  <a:pt x="7045180" y="6254408"/>
                </a:lnTo>
                <a:lnTo>
                  <a:pt x="7116481" y="6254408"/>
                </a:lnTo>
                <a:lnTo>
                  <a:pt x="7116481" y="6183107"/>
                </a:lnTo>
                <a:close/>
                <a:moveTo>
                  <a:pt x="6902579" y="6183107"/>
                </a:moveTo>
                <a:lnTo>
                  <a:pt x="6902579" y="6254408"/>
                </a:lnTo>
                <a:lnTo>
                  <a:pt x="6973880" y="6254408"/>
                </a:lnTo>
                <a:lnTo>
                  <a:pt x="6973880" y="6183107"/>
                </a:lnTo>
                <a:close/>
                <a:moveTo>
                  <a:pt x="6759906" y="6183107"/>
                </a:moveTo>
                <a:lnTo>
                  <a:pt x="6759906" y="6254408"/>
                </a:lnTo>
                <a:lnTo>
                  <a:pt x="6831207" y="6254408"/>
                </a:lnTo>
                <a:lnTo>
                  <a:pt x="6831207" y="6183107"/>
                </a:lnTo>
                <a:close/>
                <a:moveTo>
                  <a:pt x="6617234" y="6183107"/>
                </a:moveTo>
                <a:lnTo>
                  <a:pt x="6617234" y="6254408"/>
                </a:lnTo>
                <a:lnTo>
                  <a:pt x="6688535" y="6254408"/>
                </a:lnTo>
                <a:lnTo>
                  <a:pt x="6688535" y="6183107"/>
                </a:lnTo>
                <a:close/>
                <a:moveTo>
                  <a:pt x="6474632" y="6183107"/>
                </a:moveTo>
                <a:lnTo>
                  <a:pt x="6474632" y="6254408"/>
                </a:lnTo>
                <a:lnTo>
                  <a:pt x="6545933" y="6254408"/>
                </a:lnTo>
                <a:lnTo>
                  <a:pt x="6545933" y="6183107"/>
                </a:lnTo>
                <a:close/>
                <a:moveTo>
                  <a:pt x="6331959" y="6183107"/>
                </a:moveTo>
                <a:lnTo>
                  <a:pt x="6331959" y="6254408"/>
                </a:lnTo>
                <a:lnTo>
                  <a:pt x="6403260" y="6254408"/>
                </a:lnTo>
                <a:lnTo>
                  <a:pt x="6403260" y="6183107"/>
                </a:lnTo>
                <a:close/>
                <a:moveTo>
                  <a:pt x="6189358" y="6183107"/>
                </a:moveTo>
                <a:lnTo>
                  <a:pt x="6189358" y="6254408"/>
                </a:lnTo>
                <a:lnTo>
                  <a:pt x="6260659" y="6254408"/>
                </a:lnTo>
                <a:lnTo>
                  <a:pt x="6260659" y="6183107"/>
                </a:lnTo>
                <a:close/>
                <a:moveTo>
                  <a:pt x="6046689" y="6183107"/>
                </a:moveTo>
                <a:lnTo>
                  <a:pt x="6046689" y="6254408"/>
                </a:lnTo>
                <a:lnTo>
                  <a:pt x="6117986" y="6254408"/>
                </a:lnTo>
                <a:lnTo>
                  <a:pt x="6117986" y="6183107"/>
                </a:lnTo>
                <a:close/>
                <a:moveTo>
                  <a:pt x="5904022" y="6183107"/>
                </a:moveTo>
                <a:lnTo>
                  <a:pt x="5904022" y="6254408"/>
                </a:lnTo>
                <a:lnTo>
                  <a:pt x="5975319" y="6254408"/>
                </a:lnTo>
                <a:lnTo>
                  <a:pt x="5975319" y="6183107"/>
                </a:lnTo>
                <a:close/>
                <a:moveTo>
                  <a:pt x="5761426" y="6183107"/>
                </a:moveTo>
                <a:lnTo>
                  <a:pt x="5761426" y="6254408"/>
                </a:lnTo>
                <a:lnTo>
                  <a:pt x="5832724" y="6254408"/>
                </a:lnTo>
                <a:lnTo>
                  <a:pt x="5832724" y="6183107"/>
                </a:lnTo>
                <a:close/>
                <a:moveTo>
                  <a:pt x="5618761" y="6183107"/>
                </a:moveTo>
                <a:lnTo>
                  <a:pt x="5618761" y="6254408"/>
                </a:lnTo>
                <a:lnTo>
                  <a:pt x="5690059" y="6254408"/>
                </a:lnTo>
                <a:lnTo>
                  <a:pt x="5690059" y="6183107"/>
                </a:lnTo>
                <a:close/>
                <a:moveTo>
                  <a:pt x="5476167" y="6183107"/>
                </a:moveTo>
                <a:lnTo>
                  <a:pt x="5476167" y="6254408"/>
                </a:lnTo>
                <a:lnTo>
                  <a:pt x="5547465" y="6254408"/>
                </a:lnTo>
                <a:lnTo>
                  <a:pt x="5547465" y="6183107"/>
                </a:lnTo>
                <a:close/>
                <a:moveTo>
                  <a:pt x="5333502" y="6183107"/>
                </a:moveTo>
                <a:lnTo>
                  <a:pt x="5333502" y="6254408"/>
                </a:lnTo>
                <a:lnTo>
                  <a:pt x="5404799" y="6254408"/>
                </a:lnTo>
                <a:lnTo>
                  <a:pt x="5404799" y="6183107"/>
                </a:lnTo>
                <a:close/>
                <a:moveTo>
                  <a:pt x="5190877" y="6183107"/>
                </a:moveTo>
                <a:lnTo>
                  <a:pt x="5190877" y="6254408"/>
                </a:lnTo>
                <a:lnTo>
                  <a:pt x="5262188" y="6254408"/>
                </a:lnTo>
                <a:lnTo>
                  <a:pt x="5262188" y="6183107"/>
                </a:lnTo>
                <a:close/>
                <a:moveTo>
                  <a:pt x="5048236" y="6183107"/>
                </a:moveTo>
                <a:lnTo>
                  <a:pt x="5048236" y="6254408"/>
                </a:lnTo>
                <a:lnTo>
                  <a:pt x="5119527" y="6254408"/>
                </a:lnTo>
                <a:lnTo>
                  <a:pt x="5119527" y="6183107"/>
                </a:lnTo>
                <a:close/>
                <a:moveTo>
                  <a:pt x="4906607" y="6183107"/>
                </a:moveTo>
                <a:lnTo>
                  <a:pt x="4906607" y="6254408"/>
                </a:lnTo>
                <a:lnTo>
                  <a:pt x="4977916" y="6254408"/>
                </a:lnTo>
                <a:lnTo>
                  <a:pt x="4977916" y="6183107"/>
                </a:lnTo>
                <a:close/>
                <a:moveTo>
                  <a:pt x="4764013" y="6183107"/>
                </a:moveTo>
                <a:lnTo>
                  <a:pt x="4764013" y="6254408"/>
                </a:lnTo>
                <a:lnTo>
                  <a:pt x="4835311" y="6254408"/>
                </a:lnTo>
                <a:lnTo>
                  <a:pt x="4835311" y="6183107"/>
                </a:lnTo>
                <a:close/>
                <a:moveTo>
                  <a:pt x="4621341" y="6183107"/>
                </a:moveTo>
                <a:lnTo>
                  <a:pt x="4621341" y="6254408"/>
                </a:lnTo>
                <a:lnTo>
                  <a:pt x="4692639" y="6254408"/>
                </a:lnTo>
                <a:lnTo>
                  <a:pt x="4692639" y="6183107"/>
                </a:lnTo>
                <a:close/>
                <a:moveTo>
                  <a:pt x="4478666" y="6183107"/>
                </a:moveTo>
                <a:lnTo>
                  <a:pt x="4478666" y="6254408"/>
                </a:lnTo>
                <a:lnTo>
                  <a:pt x="4549969" y="6254408"/>
                </a:lnTo>
                <a:lnTo>
                  <a:pt x="4549969" y="6183107"/>
                </a:lnTo>
                <a:close/>
                <a:moveTo>
                  <a:pt x="4336067" y="6183107"/>
                </a:moveTo>
                <a:lnTo>
                  <a:pt x="4336067" y="6254408"/>
                </a:lnTo>
                <a:lnTo>
                  <a:pt x="4407366" y="6254408"/>
                </a:lnTo>
                <a:lnTo>
                  <a:pt x="4407366" y="6183107"/>
                </a:lnTo>
                <a:close/>
                <a:moveTo>
                  <a:pt x="4193413" y="6183107"/>
                </a:moveTo>
                <a:lnTo>
                  <a:pt x="4193413" y="6254408"/>
                </a:lnTo>
                <a:lnTo>
                  <a:pt x="4264695" y="6254408"/>
                </a:lnTo>
                <a:lnTo>
                  <a:pt x="4264695" y="6183107"/>
                </a:lnTo>
                <a:close/>
                <a:moveTo>
                  <a:pt x="4050810" y="6183107"/>
                </a:moveTo>
                <a:lnTo>
                  <a:pt x="4050810" y="6254408"/>
                </a:lnTo>
                <a:lnTo>
                  <a:pt x="4122113" y="6254408"/>
                </a:lnTo>
                <a:lnTo>
                  <a:pt x="4122113" y="6183107"/>
                </a:lnTo>
                <a:close/>
                <a:moveTo>
                  <a:pt x="3908136" y="6183107"/>
                </a:moveTo>
                <a:lnTo>
                  <a:pt x="3908136" y="6254408"/>
                </a:lnTo>
                <a:lnTo>
                  <a:pt x="3979438" y="6254408"/>
                </a:lnTo>
                <a:lnTo>
                  <a:pt x="3979438" y="6183107"/>
                </a:lnTo>
                <a:close/>
                <a:moveTo>
                  <a:pt x="3765462" y="6183107"/>
                </a:moveTo>
                <a:lnTo>
                  <a:pt x="3765462" y="6254408"/>
                </a:lnTo>
                <a:lnTo>
                  <a:pt x="3836763" y="6254408"/>
                </a:lnTo>
                <a:lnTo>
                  <a:pt x="3836763" y="6183107"/>
                </a:lnTo>
                <a:close/>
                <a:moveTo>
                  <a:pt x="3622851" y="6183107"/>
                </a:moveTo>
                <a:lnTo>
                  <a:pt x="3622851" y="6254408"/>
                </a:lnTo>
                <a:lnTo>
                  <a:pt x="3694151" y="6254408"/>
                </a:lnTo>
                <a:lnTo>
                  <a:pt x="3694151" y="6183107"/>
                </a:lnTo>
                <a:close/>
                <a:moveTo>
                  <a:pt x="3480203" y="6183107"/>
                </a:moveTo>
                <a:lnTo>
                  <a:pt x="3480203" y="6254408"/>
                </a:lnTo>
                <a:lnTo>
                  <a:pt x="3551509" y="6254408"/>
                </a:lnTo>
                <a:lnTo>
                  <a:pt x="3551509" y="6183107"/>
                </a:lnTo>
                <a:close/>
                <a:moveTo>
                  <a:pt x="3337580" y="6183107"/>
                </a:moveTo>
                <a:lnTo>
                  <a:pt x="3337580" y="6254408"/>
                </a:lnTo>
                <a:lnTo>
                  <a:pt x="3408881" y="6254408"/>
                </a:lnTo>
                <a:lnTo>
                  <a:pt x="3408881" y="6183107"/>
                </a:lnTo>
                <a:close/>
                <a:moveTo>
                  <a:pt x="3194906" y="6183107"/>
                </a:moveTo>
                <a:lnTo>
                  <a:pt x="3194906" y="6254408"/>
                </a:lnTo>
                <a:lnTo>
                  <a:pt x="3266208" y="6254408"/>
                </a:lnTo>
                <a:lnTo>
                  <a:pt x="3266208" y="6183107"/>
                </a:lnTo>
                <a:close/>
                <a:moveTo>
                  <a:pt x="3052305" y="6183107"/>
                </a:moveTo>
                <a:lnTo>
                  <a:pt x="3052305" y="6254408"/>
                </a:lnTo>
                <a:lnTo>
                  <a:pt x="3123607" y="6254408"/>
                </a:lnTo>
                <a:lnTo>
                  <a:pt x="3123607" y="6183107"/>
                </a:lnTo>
                <a:close/>
                <a:moveTo>
                  <a:pt x="2909634" y="6183107"/>
                </a:moveTo>
                <a:lnTo>
                  <a:pt x="2909634" y="6254408"/>
                </a:lnTo>
                <a:lnTo>
                  <a:pt x="2980934" y="6254408"/>
                </a:lnTo>
                <a:lnTo>
                  <a:pt x="2980934" y="6183107"/>
                </a:lnTo>
                <a:close/>
                <a:moveTo>
                  <a:pt x="2767033" y="6183107"/>
                </a:moveTo>
                <a:lnTo>
                  <a:pt x="2767033" y="6254408"/>
                </a:lnTo>
                <a:lnTo>
                  <a:pt x="2838334" y="6254408"/>
                </a:lnTo>
                <a:lnTo>
                  <a:pt x="2838334" y="6183107"/>
                </a:lnTo>
                <a:close/>
                <a:moveTo>
                  <a:pt x="2624361" y="6183107"/>
                </a:moveTo>
                <a:lnTo>
                  <a:pt x="2624361" y="6254408"/>
                </a:lnTo>
                <a:lnTo>
                  <a:pt x="2695661" y="6254408"/>
                </a:lnTo>
                <a:lnTo>
                  <a:pt x="2695661" y="6183107"/>
                </a:lnTo>
                <a:close/>
                <a:moveTo>
                  <a:pt x="2481690" y="6183107"/>
                </a:moveTo>
                <a:lnTo>
                  <a:pt x="2481690" y="6254408"/>
                </a:lnTo>
                <a:lnTo>
                  <a:pt x="2552991" y="6254408"/>
                </a:lnTo>
                <a:lnTo>
                  <a:pt x="2552991" y="6183107"/>
                </a:lnTo>
                <a:close/>
                <a:moveTo>
                  <a:pt x="2339091" y="6183107"/>
                </a:moveTo>
                <a:lnTo>
                  <a:pt x="2339091" y="6254408"/>
                </a:lnTo>
                <a:lnTo>
                  <a:pt x="2410392" y="6254408"/>
                </a:lnTo>
                <a:lnTo>
                  <a:pt x="2410392" y="6183107"/>
                </a:lnTo>
                <a:close/>
                <a:moveTo>
                  <a:pt x="2196420" y="6183107"/>
                </a:moveTo>
                <a:lnTo>
                  <a:pt x="2196420" y="6254408"/>
                </a:lnTo>
                <a:lnTo>
                  <a:pt x="2267721" y="6254408"/>
                </a:lnTo>
                <a:lnTo>
                  <a:pt x="2267721" y="6183107"/>
                </a:lnTo>
                <a:close/>
                <a:moveTo>
                  <a:pt x="2053813" y="6183107"/>
                </a:moveTo>
                <a:lnTo>
                  <a:pt x="2053813" y="6254408"/>
                </a:lnTo>
                <a:lnTo>
                  <a:pt x="2125117" y="6254408"/>
                </a:lnTo>
                <a:lnTo>
                  <a:pt x="2125117" y="6183107"/>
                </a:lnTo>
                <a:close/>
                <a:moveTo>
                  <a:pt x="1911141" y="6183107"/>
                </a:moveTo>
                <a:lnTo>
                  <a:pt x="1911141" y="6254408"/>
                </a:lnTo>
                <a:lnTo>
                  <a:pt x="1982442" y="6254408"/>
                </a:lnTo>
                <a:lnTo>
                  <a:pt x="1982442" y="6183107"/>
                </a:lnTo>
                <a:close/>
                <a:moveTo>
                  <a:pt x="1768470" y="6183107"/>
                </a:moveTo>
                <a:lnTo>
                  <a:pt x="1768470" y="6254408"/>
                </a:lnTo>
                <a:lnTo>
                  <a:pt x="1839771" y="6254408"/>
                </a:lnTo>
                <a:lnTo>
                  <a:pt x="1839771" y="6183107"/>
                </a:lnTo>
                <a:close/>
                <a:moveTo>
                  <a:pt x="1625870" y="6183107"/>
                </a:moveTo>
                <a:lnTo>
                  <a:pt x="1625870" y="6254408"/>
                </a:lnTo>
                <a:lnTo>
                  <a:pt x="1697171" y="6254408"/>
                </a:lnTo>
                <a:lnTo>
                  <a:pt x="1697171" y="6183107"/>
                </a:lnTo>
                <a:close/>
                <a:moveTo>
                  <a:pt x="1483199" y="6183107"/>
                </a:moveTo>
                <a:lnTo>
                  <a:pt x="1483199" y="6254408"/>
                </a:lnTo>
                <a:lnTo>
                  <a:pt x="1554500" y="6254408"/>
                </a:lnTo>
                <a:lnTo>
                  <a:pt x="1554500" y="6183107"/>
                </a:lnTo>
                <a:close/>
                <a:moveTo>
                  <a:pt x="1340599" y="6183107"/>
                </a:moveTo>
                <a:lnTo>
                  <a:pt x="1340599" y="6254408"/>
                </a:lnTo>
                <a:lnTo>
                  <a:pt x="1411901" y="6254408"/>
                </a:lnTo>
                <a:lnTo>
                  <a:pt x="1411901" y="6183107"/>
                </a:lnTo>
                <a:close/>
                <a:moveTo>
                  <a:pt x="1197929" y="6183107"/>
                </a:moveTo>
                <a:lnTo>
                  <a:pt x="1197929" y="6254408"/>
                </a:lnTo>
                <a:lnTo>
                  <a:pt x="1269230" y="6254408"/>
                </a:lnTo>
                <a:lnTo>
                  <a:pt x="1269230" y="6183107"/>
                </a:lnTo>
                <a:close/>
                <a:moveTo>
                  <a:pt x="1055311" y="6183107"/>
                </a:moveTo>
                <a:lnTo>
                  <a:pt x="1055311" y="6254408"/>
                </a:lnTo>
                <a:lnTo>
                  <a:pt x="1126612" y="6254408"/>
                </a:lnTo>
                <a:lnTo>
                  <a:pt x="1126612" y="6183107"/>
                </a:lnTo>
                <a:close/>
                <a:moveTo>
                  <a:pt x="912657" y="6183107"/>
                </a:moveTo>
                <a:lnTo>
                  <a:pt x="912657" y="6254408"/>
                </a:lnTo>
                <a:lnTo>
                  <a:pt x="983958" y="6254408"/>
                </a:lnTo>
                <a:lnTo>
                  <a:pt x="983958" y="6183107"/>
                </a:lnTo>
                <a:close/>
                <a:moveTo>
                  <a:pt x="771136" y="6183107"/>
                </a:moveTo>
                <a:lnTo>
                  <a:pt x="771136" y="6254408"/>
                </a:lnTo>
                <a:lnTo>
                  <a:pt x="842437" y="6254408"/>
                </a:lnTo>
                <a:lnTo>
                  <a:pt x="842437" y="6183107"/>
                </a:lnTo>
                <a:close/>
                <a:moveTo>
                  <a:pt x="628534" y="6183107"/>
                </a:moveTo>
                <a:lnTo>
                  <a:pt x="628534" y="6254408"/>
                </a:lnTo>
                <a:lnTo>
                  <a:pt x="699835" y="6254408"/>
                </a:lnTo>
                <a:lnTo>
                  <a:pt x="699835" y="6183107"/>
                </a:lnTo>
                <a:close/>
                <a:moveTo>
                  <a:pt x="485863" y="6183107"/>
                </a:moveTo>
                <a:lnTo>
                  <a:pt x="485863" y="6254408"/>
                </a:lnTo>
                <a:lnTo>
                  <a:pt x="557163" y="6254408"/>
                </a:lnTo>
                <a:lnTo>
                  <a:pt x="557163" y="6183107"/>
                </a:lnTo>
                <a:close/>
                <a:moveTo>
                  <a:pt x="343191" y="6183107"/>
                </a:moveTo>
                <a:lnTo>
                  <a:pt x="343191" y="6254408"/>
                </a:lnTo>
                <a:lnTo>
                  <a:pt x="414492" y="6254408"/>
                </a:lnTo>
                <a:lnTo>
                  <a:pt x="414492" y="6183107"/>
                </a:lnTo>
                <a:close/>
                <a:moveTo>
                  <a:pt x="200590" y="6183107"/>
                </a:moveTo>
                <a:lnTo>
                  <a:pt x="200590" y="6254408"/>
                </a:lnTo>
                <a:lnTo>
                  <a:pt x="271891" y="6254408"/>
                </a:lnTo>
                <a:lnTo>
                  <a:pt x="271891" y="6183107"/>
                </a:lnTo>
                <a:close/>
                <a:moveTo>
                  <a:pt x="57918" y="6183107"/>
                </a:moveTo>
                <a:lnTo>
                  <a:pt x="57918" y="6254408"/>
                </a:lnTo>
                <a:lnTo>
                  <a:pt x="129219" y="6254408"/>
                </a:lnTo>
                <a:lnTo>
                  <a:pt x="129219" y="6183107"/>
                </a:lnTo>
                <a:close/>
                <a:moveTo>
                  <a:pt x="10040665" y="6040435"/>
                </a:moveTo>
                <a:lnTo>
                  <a:pt x="10040665" y="6111736"/>
                </a:lnTo>
                <a:lnTo>
                  <a:pt x="10111966" y="6111736"/>
                </a:lnTo>
                <a:lnTo>
                  <a:pt x="10111966" y="6040435"/>
                </a:lnTo>
                <a:close/>
                <a:moveTo>
                  <a:pt x="9898063" y="6040435"/>
                </a:moveTo>
                <a:lnTo>
                  <a:pt x="9898063" y="6111736"/>
                </a:lnTo>
                <a:lnTo>
                  <a:pt x="9969363" y="6111736"/>
                </a:lnTo>
                <a:lnTo>
                  <a:pt x="9969363" y="6040435"/>
                </a:lnTo>
                <a:close/>
                <a:moveTo>
                  <a:pt x="9755391" y="6040435"/>
                </a:moveTo>
                <a:lnTo>
                  <a:pt x="9755391" y="6111736"/>
                </a:lnTo>
                <a:lnTo>
                  <a:pt x="9826692" y="6111736"/>
                </a:lnTo>
                <a:lnTo>
                  <a:pt x="9826692" y="6040435"/>
                </a:lnTo>
                <a:close/>
                <a:moveTo>
                  <a:pt x="9612718" y="6040435"/>
                </a:moveTo>
                <a:lnTo>
                  <a:pt x="9612718" y="6111736"/>
                </a:lnTo>
                <a:lnTo>
                  <a:pt x="9684019" y="6111736"/>
                </a:lnTo>
                <a:lnTo>
                  <a:pt x="9684019" y="6040435"/>
                </a:lnTo>
                <a:close/>
                <a:moveTo>
                  <a:pt x="9470117" y="6040435"/>
                </a:moveTo>
                <a:lnTo>
                  <a:pt x="9470117" y="6111736"/>
                </a:lnTo>
                <a:lnTo>
                  <a:pt x="9541417" y="6111736"/>
                </a:lnTo>
                <a:lnTo>
                  <a:pt x="9541417" y="6040435"/>
                </a:lnTo>
                <a:close/>
                <a:moveTo>
                  <a:pt x="9327444" y="6040435"/>
                </a:moveTo>
                <a:lnTo>
                  <a:pt x="9327444" y="6111736"/>
                </a:lnTo>
                <a:lnTo>
                  <a:pt x="9398745" y="6111736"/>
                </a:lnTo>
                <a:lnTo>
                  <a:pt x="9398745" y="6040435"/>
                </a:lnTo>
                <a:close/>
                <a:moveTo>
                  <a:pt x="9184842" y="6040435"/>
                </a:moveTo>
                <a:lnTo>
                  <a:pt x="9184842" y="6111736"/>
                </a:lnTo>
                <a:lnTo>
                  <a:pt x="9256143" y="6111736"/>
                </a:lnTo>
                <a:lnTo>
                  <a:pt x="9256143" y="6040435"/>
                </a:lnTo>
                <a:close/>
                <a:moveTo>
                  <a:pt x="9042170" y="6040435"/>
                </a:moveTo>
                <a:lnTo>
                  <a:pt x="9042170" y="6111736"/>
                </a:lnTo>
                <a:lnTo>
                  <a:pt x="9113471" y="6111736"/>
                </a:lnTo>
                <a:lnTo>
                  <a:pt x="9113471" y="6040435"/>
                </a:lnTo>
                <a:close/>
                <a:moveTo>
                  <a:pt x="8899568" y="6040435"/>
                </a:moveTo>
                <a:lnTo>
                  <a:pt x="8899568" y="6111736"/>
                </a:lnTo>
                <a:lnTo>
                  <a:pt x="8970869" y="6111736"/>
                </a:lnTo>
                <a:lnTo>
                  <a:pt x="8970869" y="6040435"/>
                </a:lnTo>
                <a:close/>
                <a:moveTo>
                  <a:pt x="8756896" y="6040435"/>
                </a:moveTo>
                <a:lnTo>
                  <a:pt x="8756896" y="6111736"/>
                </a:lnTo>
                <a:lnTo>
                  <a:pt x="8828196" y="6111736"/>
                </a:lnTo>
                <a:lnTo>
                  <a:pt x="8828196" y="6040435"/>
                </a:lnTo>
                <a:close/>
                <a:moveTo>
                  <a:pt x="8614223" y="6040435"/>
                </a:moveTo>
                <a:lnTo>
                  <a:pt x="8614223" y="6111736"/>
                </a:lnTo>
                <a:lnTo>
                  <a:pt x="8685524" y="6111736"/>
                </a:lnTo>
                <a:lnTo>
                  <a:pt x="8685524" y="6040435"/>
                </a:lnTo>
                <a:close/>
                <a:moveTo>
                  <a:pt x="8471622" y="6040435"/>
                </a:moveTo>
                <a:lnTo>
                  <a:pt x="8471622" y="6111736"/>
                </a:lnTo>
                <a:lnTo>
                  <a:pt x="8542923" y="6111736"/>
                </a:lnTo>
                <a:lnTo>
                  <a:pt x="8542923" y="6040435"/>
                </a:lnTo>
                <a:close/>
                <a:moveTo>
                  <a:pt x="8328949" y="6040435"/>
                </a:moveTo>
                <a:lnTo>
                  <a:pt x="8328949" y="6111736"/>
                </a:lnTo>
                <a:lnTo>
                  <a:pt x="8400250" y="6111736"/>
                </a:lnTo>
                <a:lnTo>
                  <a:pt x="8400250" y="6040435"/>
                </a:lnTo>
                <a:close/>
                <a:moveTo>
                  <a:pt x="8186348" y="6040435"/>
                </a:moveTo>
                <a:lnTo>
                  <a:pt x="8186348" y="6111736"/>
                </a:lnTo>
                <a:lnTo>
                  <a:pt x="8257649" y="6111736"/>
                </a:lnTo>
                <a:lnTo>
                  <a:pt x="8257649" y="6040435"/>
                </a:lnTo>
                <a:close/>
                <a:moveTo>
                  <a:pt x="8043675" y="6040435"/>
                </a:moveTo>
                <a:lnTo>
                  <a:pt x="8043675" y="6111736"/>
                </a:lnTo>
                <a:lnTo>
                  <a:pt x="8114976" y="6111736"/>
                </a:lnTo>
                <a:lnTo>
                  <a:pt x="8114976" y="6040435"/>
                </a:lnTo>
                <a:close/>
                <a:moveTo>
                  <a:pt x="7901003" y="6040435"/>
                </a:moveTo>
                <a:lnTo>
                  <a:pt x="7901003" y="6111736"/>
                </a:lnTo>
                <a:lnTo>
                  <a:pt x="7972304" y="6111736"/>
                </a:lnTo>
                <a:lnTo>
                  <a:pt x="7972304" y="6040435"/>
                </a:lnTo>
                <a:close/>
                <a:moveTo>
                  <a:pt x="7758401" y="6040435"/>
                </a:moveTo>
                <a:lnTo>
                  <a:pt x="7758401" y="6111736"/>
                </a:lnTo>
                <a:lnTo>
                  <a:pt x="7829702" y="6111736"/>
                </a:lnTo>
                <a:lnTo>
                  <a:pt x="7829702" y="6040435"/>
                </a:lnTo>
                <a:close/>
                <a:moveTo>
                  <a:pt x="7615728" y="6040435"/>
                </a:moveTo>
                <a:lnTo>
                  <a:pt x="7615728" y="6111736"/>
                </a:lnTo>
                <a:lnTo>
                  <a:pt x="7687029" y="6111736"/>
                </a:lnTo>
                <a:lnTo>
                  <a:pt x="7687029" y="6040435"/>
                </a:lnTo>
                <a:close/>
                <a:moveTo>
                  <a:pt x="7473127" y="6040435"/>
                </a:moveTo>
                <a:lnTo>
                  <a:pt x="7473127" y="6111736"/>
                </a:lnTo>
                <a:lnTo>
                  <a:pt x="7544428" y="6111736"/>
                </a:lnTo>
                <a:lnTo>
                  <a:pt x="7544428" y="6040435"/>
                </a:lnTo>
                <a:close/>
                <a:moveTo>
                  <a:pt x="7330454" y="6040435"/>
                </a:moveTo>
                <a:lnTo>
                  <a:pt x="7330454" y="6111736"/>
                </a:lnTo>
                <a:lnTo>
                  <a:pt x="7401755" y="6111736"/>
                </a:lnTo>
                <a:lnTo>
                  <a:pt x="7401755" y="6040435"/>
                </a:lnTo>
                <a:close/>
                <a:moveTo>
                  <a:pt x="7187853" y="6040435"/>
                </a:moveTo>
                <a:lnTo>
                  <a:pt x="7187853" y="6111736"/>
                </a:lnTo>
                <a:lnTo>
                  <a:pt x="7259154" y="6111736"/>
                </a:lnTo>
                <a:lnTo>
                  <a:pt x="7259154" y="6040435"/>
                </a:lnTo>
                <a:close/>
                <a:moveTo>
                  <a:pt x="7045180" y="6040435"/>
                </a:moveTo>
                <a:lnTo>
                  <a:pt x="7045180" y="6111736"/>
                </a:lnTo>
                <a:lnTo>
                  <a:pt x="7116481" y="6111736"/>
                </a:lnTo>
                <a:lnTo>
                  <a:pt x="7116481" y="6040435"/>
                </a:lnTo>
                <a:close/>
                <a:moveTo>
                  <a:pt x="6902579" y="6040435"/>
                </a:moveTo>
                <a:lnTo>
                  <a:pt x="6902579" y="6111736"/>
                </a:lnTo>
                <a:lnTo>
                  <a:pt x="6973880" y="6111736"/>
                </a:lnTo>
                <a:lnTo>
                  <a:pt x="6973880" y="6040435"/>
                </a:lnTo>
                <a:close/>
                <a:moveTo>
                  <a:pt x="6759906" y="6040435"/>
                </a:moveTo>
                <a:lnTo>
                  <a:pt x="6759906" y="6111736"/>
                </a:lnTo>
                <a:lnTo>
                  <a:pt x="6831207" y="6111736"/>
                </a:lnTo>
                <a:lnTo>
                  <a:pt x="6831207" y="6040435"/>
                </a:lnTo>
                <a:close/>
                <a:moveTo>
                  <a:pt x="6617234" y="6040435"/>
                </a:moveTo>
                <a:lnTo>
                  <a:pt x="6617234" y="6111736"/>
                </a:lnTo>
                <a:lnTo>
                  <a:pt x="6688535" y="6111736"/>
                </a:lnTo>
                <a:lnTo>
                  <a:pt x="6688535" y="6040435"/>
                </a:lnTo>
                <a:close/>
                <a:moveTo>
                  <a:pt x="6474632" y="6040435"/>
                </a:moveTo>
                <a:lnTo>
                  <a:pt x="6474632" y="6111736"/>
                </a:lnTo>
                <a:lnTo>
                  <a:pt x="6545933" y="6111736"/>
                </a:lnTo>
                <a:lnTo>
                  <a:pt x="6545933" y="6040435"/>
                </a:lnTo>
                <a:close/>
                <a:moveTo>
                  <a:pt x="6331959" y="6040435"/>
                </a:moveTo>
                <a:lnTo>
                  <a:pt x="6331959" y="6111736"/>
                </a:lnTo>
                <a:lnTo>
                  <a:pt x="6403260" y="6111736"/>
                </a:lnTo>
                <a:lnTo>
                  <a:pt x="6403260" y="6040435"/>
                </a:lnTo>
                <a:close/>
                <a:moveTo>
                  <a:pt x="6189358" y="6040435"/>
                </a:moveTo>
                <a:lnTo>
                  <a:pt x="6189358" y="6111736"/>
                </a:lnTo>
                <a:lnTo>
                  <a:pt x="6260659" y="6111736"/>
                </a:lnTo>
                <a:lnTo>
                  <a:pt x="6260659" y="6040435"/>
                </a:lnTo>
                <a:close/>
                <a:moveTo>
                  <a:pt x="6046689" y="6040435"/>
                </a:moveTo>
                <a:lnTo>
                  <a:pt x="6046689" y="6111736"/>
                </a:lnTo>
                <a:lnTo>
                  <a:pt x="6117986" y="6111736"/>
                </a:lnTo>
                <a:lnTo>
                  <a:pt x="6117986" y="6040435"/>
                </a:lnTo>
                <a:close/>
                <a:moveTo>
                  <a:pt x="5904022" y="6040435"/>
                </a:moveTo>
                <a:lnTo>
                  <a:pt x="5904022" y="6111736"/>
                </a:lnTo>
                <a:lnTo>
                  <a:pt x="5975319" y="6111736"/>
                </a:lnTo>
                <a:lnTo>
                  <a:pt x="5975319" y="6040435"/>
                </a:lnTo>
                <a:close/>
                <a:moveTo>
                  <a:pt x="5761426" y="6040435"/>
                </a:moveTo>
                <a:lnTo>
                  <a:pt x="5761426" y="6111736"/>
                </a:lnTo>
                <a:lnTo>
                  <a:pt x="5832724" y="6111736"/>
                </a:lnTo>
                <a:lnTo>
                  <a:pt x="5832724" y="6040435"/>
                </a:lnTo>
                <a:close/>
                <a:moveTo>
                  <a:pt x="5618761" y="6040435"/>
                </a:moveTo>
                <a:lnTo>
                  <a:pt x="5618761" y="6111736"/>
                </a:lnTo>
                <a:lnTo>
                  <a:pt x="5690059" y="6111736"/>
                </a:lnTo>
                <a:lnTo>
                  <a:pt x="5690059" y="6040435"/>
                </a:lnTo>
                <a:close/>
                <a:moveTo>
                  <a:pt x="5476167" y="6040435"/>
                </a:moveTo>
                <a:lnTo>
                  <a:pt x="5476167" y="6111736"/>
                </a:lnTo>
                <a:lnTo>
                  <a:pt x="5547465" y="6111736"/>
                </a:lnTo>
                <a:lnTo>
                  <a:pt x="5547465" y="6040435"/>
                </a:lnTo>
                <a:close/>
                <a:moveTo>
                  <a:pt x="5333502" y="6040435"/>
                </a:moveTo>
                <a:lnTo>
                  <a:pt x="5333502" y="6111736"/>
                </a:lnTo>
                <a:lnTo>
                  <a:pt x="5404800" y="6111736"/>
                </a:lnTo>
                <a:lnTo>
                  <a:pt x="5404800" y="6040435"/>
                </a:lnTo>
                <a:close/>
                <a:moveTo>
                  <a:pt x="5190877" y="6040435"/>
                </a:moveTo>
                <a:lnTo>
                  <a:pt x="5190877" y="6111736"/>
                </a:lnTo>
                <a:lnTo>
                  <a:pt x="5262188" y="6111736"/>
                </a:lnTo>
                <a:lnTo>
                  <a:pt x="5262188" y="6040435"/>
                </a:lnTo>
                <a:close/>
                <a:moveTo>
                  <a:pt x="5048236" y="6040435"/>
                </a:moveTo>
                <a:lnTo>
                  <a:pt x="5048236" y="6111736"/>
                </a:lnTo>
                <a:lnTo>
                  <a:pt x="5119527" y="6111736"/>
                </a:lnTo>
                <a:lnTo>
                  <a:pt x="5119527" y="6040435"/>
                </a:lnTo>
                <a:close/>
                <a:moveTo>
                  <a:pt x="4906607" y="6040435"/>
                </a:moveTo>
                <a:lnTo>
                  <a:pt x="4906607" y="6111736"/>
                </a:lnTo>
                <a:lnTo>
                  <a:pt x="4977916" y="6111736"/>
                </a:lnTo>
                <a:lnTo>
                  <a:pt x="4977916" y="6040435"/>
                </a:lnTo>
                <a:close/>
                <a:moveTo>
                  <a:pt x="4764013" y="6040435"/>
                </a:moveTo>
                <a:lnTo>
                  <a:pt x="4764013" y="6111736"/>
                </a:lnTo>
                <a:lnTo>
                  <a:pt x="4835311" y="6111736"/>
                </a:lnTo>
                <a:lnTo>
                  <a:pt x="4835311" y="6040435"/>
                </a:lnTo>
                <a:close/>
                <a:moveTo>
                  <a:pt x="4621341" y="6040435"/>
                </a:moveTo>
                <a:lnTo>
                  <a:pt x="4621341" y="6111736"/>
                </a:lnTo>
                <a:lnTo>
                  <a:pt x="4692639" y="6111736"/>
                </a:lnTo>
                <a:lnTo>
                  <a:pt x="4692639" y="6040435"/>
                </a:lnTo>
                <a:close/>
                <a:moveTo>
                  <a:pt x="4478666" y="6040435"/>
                </a:moveTo>
                <a:lnTo>
                  <a:pt x="4478666" y="6111736"/>
                </a:lnTo>
                <a:lnTo>
                  <a:pt x="4549971" y="6111736"/>
                </a:lnTo>
                <a:lnTo>
                  <a:pt x="4549971" y="6040435"/>
                </a:lnTo>
                <a:close/>
                <a:moveTo>
                  <a:pt x="4336067" y="6040435"/>
                </a:moveTo>
                <a:lnTo>
                  <a:pt x="4336067" y="6111736"/>
                </a:lnTo>
                <a:lnTo>
                  <a:pt x="4407366" y="6111736"/>
                </a:lnTo>
                <a:lnTo>
                  <a:pt x="4407366" y="6040435"/>
                </a:lnTo>
                <a:close/>
                <a:moveTo>
                  <a:pt x="4193413" y="6040435"/>
                </a:moveTo>
                <a:lnTo>
                  <a:pt x="4193413" y="6111736"/>
                </a:lnTo>
                <a:lnTo>
                  <a:pt x="4264695" y="6111736"/>
                </a:lnTo>
                <a:lnTo>
                  <a:pt x="4264695" y="6040435"/>
                </a:lnTo>
                <a:close/>
                <a:moveTo>
                  <a:pt x="4050810" y="6040435"/>
                </a:moveTo>
                <a:lnTo>
                  <a:pt x="4050810" y="6111736"/>
                </a:lnTo>
                <a:lnTo>
                  <a:pt x="4122113" y="6111736"/>
                </a:lnTo>
                <a:lnTo>
                  <a:pt x="4122113" y="6040435"/>
                </a:lnTo>
                <a:close/>
                <a:moveTo>
                  <a:pt x="3908138" y="6040435"/>
                </a:moveTo>
                <a:lnTo>
                  <a:pt x="3908138" y="6111736"/>
                </a:lnTo>
                <a:lnTo>
                  <a:pt x="3979439" y="6111736"/>
                </a:lnTo>
                <a:lnTo>
                  <a:pt x="3979439" y="6040435"/>
                </a:lnTo>
                <a:close/>
                <a:moveTo>
                  <a:pt x="3765464" y="6040435"/>
                </a:moveTo>
                <a:lnTo>
                  <a:pt x="3765464" y="6111736"/>
                </a:lnTo>
                <a:lnTo>
                  <a:pt x="3836763" y="6111736"/>
                </a:lnTo>
                <a:lnTo>
                  <a:pt x="3836763" y="6040435"/>
                </a:lnTo>
                <a:close/>
                <a:moveTo>
                  <a:pt x="3622853" y="6040435"/>
                </a:moveTo>
                <a:lnTo>
                  <a:pt x="3622853" y="6111736"/>
                </a:lnTo>
                <a:lnTo>
                  <a:pt x="3694151" y="6111736"/>
                </a:lnTo>
                <a:lnTo>
                  <a:pt x="3694151" y="6040435"/>
                </a:lnTo>
                <a:close/>
                <a:moveTo>
                  <a:pt x="3480203" y="6040435"/>
                </a:moveTo>
                <a:lnTo>
                  <a:pt x="3480203" y="6111736"/>
                </a:lnTo>
                <a:lnTo>
                  <a:pt x="3551511" y="6111736"/>
                </a:lnTo>
                <a:lnTo>
                  <a:pt x="3551511" y="6040435"/>
                </a:lnTo>
                <a:close/>
                <a:moveTo>
                  <a:pt x="3337579" y="6040435"/>
                </a:moveTo>
                <a:lnTo>
                  <a:pt x="3337579" y="6111736"/>
                </a:lnTo>
                <a:lnTo>
                  <a:pt x="3408880" y="6111736"/>
                </a:lnTo>
                <a:lnTo>
                  <a:pt x="3408880" y="6040435"/>
                </a:lnTo>
                <a:close/>
                <a:moveTo>
                  <a:pt x="3194906" y="6040435"/>
                </a:moveTo>
                <a:lnTo>
                  <a:pt x="3194906" y="6111736"/>
                </a:lnTo>
                <a:lnTo>
                  <a:pt x="3266208" y="6111736"/>
                </a:lnTo>
                <a:lnTo>
                  <a:pt x="3266208" y="6040435"/>
                </a:lnTo>
                <a:close/>
                <a:moveTo>
                  <a:pt x="3052305" y="6040435"/>
                </a:moveTo>
                <a:lnTo>
                  <a:pt x="3052305" y="6111736"/>
                </a:lnTo>
                <a:lnTo>
                  <a:pt x="3123607" y="6111736"/>
                </a:lnTo>
                <a:lnTo>
                  <a:pt x="3123607" y="6040435"/>
                </a:lnTo>
                <a:close/>
                <a:moveTo>
                  <a:pt x="2909634" y="6040435"/>
                </a:moveTo>
                <a:lnTo>
                  <a:pt x="2909634" y="6111736"/>
                </a:lnTo>
                <a:lnTo>
                  <a:pt x="2980934" y="6111736"/>
                </a:lnTo>
                <a:lnTo>
                  <a:pt x="2980934" y="6040435"/>
                </a:lnTo>
                <a:close/>
                <a:moveTo>
                  <a:pt x="2767033" y="6040435"/>
                </a:moveTo>
                <a:lnTo>
                  <a:pt x="2767033" y="6111736"/>
                </a:lnTo>
                <a:lnTo>
                  <a:pt x="2838334" y="6111736"/>
                </a:lnTo>
                <a:lnTo>
                  <a:pt x="2838334" y="6040435"/>
                </a:lnTo>
                <a:close/>
                <a:moveTo>
                  <a:pt x="2624361" y="6040435"/>
                </a:moveTo>
                <a:lnTo>
                  <a:pt x="2624361" y="6111736"/>
                </a:lnTo>
                <a:lnTo>
                  <a:pt x="2695662" y="6111736"/>
                </a:lnTo>
                <a:lnTo>
                  <a:pt x="2695662" y="6040435"/>
                </a:lnTo>
                <a:close/>
                <a:moveTo>
                  <a:pt x="2481690" y="6040435"/>
                </a:moveTo>
                <a:lnTo>
                  <a:pt x="2481690" y="6111736"/>
                </a:lnTo>
                <a:lnTo>
                  <a:pt x="2552991" y="6111736"/>
                </a:lnTo>
                <a:lnTo>
                  <a:pt x="2552991" y="6040435"/>
                </a:lnTo>
                <a:close/>
                <a:moveTo>
                  <a:pt x="2339091" y="6040435"/>
                </a:moveTo>
                <a:lnTo>
                  <a:pt x="2339091" y="6111736"/>
                </a:lnTo>
                <a:lnTo>
                  <a:pt x="2410392" y="6111736"/>
                </a:lnTo>
                <a:lnTo>
                  <a:pt x="2410392" y="6040435"/>
                </a:lnTo>
                <a:close/>
                <a:moveTo>
                  <a:pt x="2196420" y="6040435"/>
                </a:moveTo>
                <a:lnTo>
                  <a:pt x="2196420" y="6111736"/>
                </a:lnTo>
                <a:lnTo>
                  <a:pt x="2267721" y="6111736"/>
                </a:lnTo>
                <a:lnTo>
                  <a:pt x="2267721" y="6040435"/>
                </a:lnTo>
                <a:close/>
                <a:moveTo>
                  <a:pt x="2053813" y="6040435"/>
                </a:moveTo>
                <a:lnTo>
                  <a:pt x="2053813" y="6111736"/>
                </a:lnTo>
                <a:lnTo>
                  <a:pt x="2125117" y="6111736"/>
                </a:lnTo>
                <a:lnTo>
                  <a:pt x="2125117" y="6040435"/>
                </a:lnTo>
                <a:close/>
                <a:moveTo>
                  <a:pt x="1911141" y="6040435"/>
                </a:moveTo>
                <a:lnTo>
                  <a:pt x="1911141" y="6111736"/>
                </a:lnTo>
                <a:lnTo>
                  <a:pt x="1982442" y="6111736"/>
                </a:lnTo>
                <a:lnTo>
                  <a:pt x="1982442" y="6040435"/>
                </a:lnTo>
                <a:close/>
                <a:moveTo>
                  <a:pt x="1768471" y="6040435"/>
                </a:moveTo>
                <a:lnTo>
                  <a:pt x="1768471" y="6111736"/>
                </a:lnTo>
                <a:lnTo>
                  <a:pt x="1839771" y="6111736"/>
                </a:lnTo>
                <a:lnTo>
                  <a:pt x="1839771" y="6040435"/>
                </a:lnTo>
                <a:close/>
                <a:moveTo>
                  <a:pt x="1625870" y="6040435"/>
                </a:moveTo>
                <a:lnTo>
                  <a:pt x="1625870" y="6111736"/>
                </a:lnTo>
                <a:lnTo>
                  <a:pt x="1697171" y="6111736"/>
                </a:lnTo>
                <a:lnTo>
                  <a:pt x="1697171" y="6040435"/>
                </a:lnTo>
                <a:close/>
                <a:moveTo>
                  <a:pt x="1483200" y="6040435"/>
                </a:moveTo>
                <a:lnTo>
                  <a:pt x="1483200" y="6111736"/>
                </a:lnTo>
                <a:lnTo>
                  <a:pt x="1554500" y="6111736"/>
                </a:lnTo>
                <a:lnTo>
                  <a:pt x="1554500" y="6040435"/>
                </a:lnTo>
                <a:close/>
                <a:moveTo>
                  <a:pt x="1340599" y="6040435"/>
                </a:moveTo>
                <a:lnTo>
                  <a:pt x="1340599" y="6111736"/>
                </a:lnTo>
                <a:lnTo>
                  <a:pt x="1411901" y="6111736"/>
                </a:lnTo>
                <a:lnTo>
                  <a:pt x="1411901" y="6040435"/>
                </a:lnTo>
                <a:close/>
                <a:moveTo>
                  <a:pt x="1197930" y="6040435"/>
                </a:moveTo>
                <a:lnTo>
                  <a:pt x="1197930" y="6111736"/>
                </a:lnTo>
                <a:lnTo>
                  <a:pt x="1269231" y="6111736"/>
                </a:lnTo>
                <a:lnTo>
                  <a:pt x="1269231" y="6040435"/>
                </a:lnTo>
                <a:close/>
                <a:moveTo>
                  <a:pt x="1055312" y="6040435"/>
                </a:moveTo>
                <a:lnTo>
                  <a:pt x="1055312" y="6111736"/>
                </a:lnTo>
                <a:lnTo>
                  <a:pt x="1126613" y="6111736"/>
                </a:lnTo>
                <a:lnTo>
                  <a:pt x="1126613" y="6040435"/>
                </a:lnTo>
                <a:close/>
                <a:moveTo>
                  <a:pt x="912657" y="6040435"/>
                </a:moveTo>
                <a:lnTo>
                  <a:pt x="912657" y="6111736"/>
                </a:lnTo>
                <a:lnTo>
                  <a:pt x="983958" y="6111736"/>
                </a:lnTo>
                <a:lnTo>
                  <a:pt x="983958" y="6040435"/>
                </a:lnTo>
                <a:close/>
                <a:moveTo>
                  <a:pt x="771136" y="6040435"/>
                </a:moveTo>
                <a:lnTo>
                  <a:pt x="771136" y="6111736"/>
                </a:lnTo>
                <a:lnTo>
                  <a:pt x="842437" y="6111736"/>
                </a:lnTo>
                <a:lnTo>
                  <a:pt x="842437" y="6040435"/>
                </a:lnTo>
                <a:close/>
                <a:moveTo>
                  <a:pt x="628535" y="6040435"/>
                </a:moveTo>
                <a:lnTo>
                  <a:pt x="628535" y="6111736"/>
                </a:lnTo>
                <a:lnTo>
                  <a:pt x="699836" y="6111736"/>
                </a:lnTo>
                <a:lnTo>
                  <a:pt x="699836" y="6040435"/>
                </a:lnTo>
                <a:close/>
                <a:moveTo>
                  <a:pt x="485863" y="6040435"/>
                </a:moveTo>
                <a:lnTo>
                  <a:pt x="485863" y="6111736"/>
                </a:lnTo>
                <a:lnTo>
                  <a:pt x="557163" y="6111736"/>
                </a:lnTo>
                <a:lnTo>
                  <a:pt x="557163" y="6040435"/>
                </a:lnTo>
                <a:close/>
                <a:moveTo>
                  <a:pt x="343191" y="6040435"/>
                </a:moveTo>
                <a:lnTo>
                  <a:pt x="343191" y="6111736"/>
                </a:lnTo>
                <a:lnTo>
                  <a:pt x="414492" y="6111736"/>
                </a:lnTo>
                <a:lnTo>
                  <a:pt x="414492" y="6040435"/>
                </a:lnTo>
                <a:close/>
                <a:moveTo>
                  <a:pt x="200591" y="6040435"/>
                </a:moveTo>
                <a:lnTo>
                  <a:pt x="200591" y="6111736"/>
                </a:lnTo>
                <a:lnTo>
                  <a:pt x="271892" y="6111736"/>
                </a:lnTo>
                <a:lnTo>
                  <a:pt x="271892" y="6040435"/>
                </a:lnTo>
                <a:close/>
                <a:moveTo>
                  <a:pt x="57918" y="6040435"/>
                </a:moveTo>
                <a:lnTo>
                  <a:pt x="57918" y="6111736"/>
                </a:lnTo>
                <a:lnTo>
                  <a:pt x="129219" y="6111736"/>
                </a:lnTo>
                <a:lnTo>
                  <a:pt x="129219" y="6040435"/>
                </a:lnTo>
                <a:close/>
                <a:moveTo>
                  <a:pt x="0" y="0"/>
                </a:moveTo>
                <a:lnTo>
                  <a:pt x="12191941" y="0"/>
                </a:lnTo>
                <a:lnTo>
                  <a:pt x="12191941" y="6857967"/>
                </a:lnTo>
                <a:lnTo>
                  <a:pt x="0" y="6857967"/>
                </a:lnTo>
                <a:close/>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bIns="900000" anchor="b">
            <a:noAutofit/>
          </a:bodyPr>
          <a:lstStyle>
            <a:lvl1pPr marL="0" indent="0">
              <a:buNone/>
              <a:defRPr b="0"/>
            </a:lvl1pPr>
          </a:lstStyle>
          <a:p>
            <a:r>
              <a:rPr lang="en-GB" sz="1800" i="1" err="1">
                <a:solidFill>
                  <a:srgbClr val="000000"/>
                </a:solidFill>
                <a:effectLst/>
                <a:latin typeface="Arial" panose="020B0604020202020204" pitchFamily="34" charset="0"/>
              </a:rPr>
              <a:t>Klik</a:t>
            </a:r>
            <a:r>
              <a:rPr lang="en-GB" sz="1800" i="1">
                <a:solidFill>
                  <a:srgbClr val="000000"/>
                </a:solidFill>
                <a:effectLst/>
                <a:latin typeface="Arial" panose="020B0604020202020204" pitchFamily="34" charset="0"/>
              </a:rPr>
              <a:t> </a:t>
            </a:r>
            <a:r>
              <a:rPr lang="en-GB" sz="1800" i="1" err="1">
                <a:solidFill>
                  <a:srgbClr val="000000"/>
                </a:solidFill>
                <a:effectLst/>
                <a:latin typeface="Arial" panose="020B0604020202020204" pitchFamily="34" charset="0"/>
              </a:rPr>
              <a:t>hier</a:t>
            </a:r>
            <a:r>
              <a:rPr lang="en-GB" sz="1800" i="1">
                <a:solidFill>
                  <a:srgbClr val="000000"/>
                </a:solidFill>
                <a:effectLst/>
                <a:latin typeface="Arial" panose="020B0604020202020204" pitchFamily="34" charset="0"/>
              </a:rPr>
              <a:t> </a:t>
            </a:r>
            <a:r>
              <a:rPr lang="en-GB" sz="1800" i="1" err="1">
                <a:solidFill>
                  <a:srgbClr val="000000"/>
                </a:solidFill>
                <a:effectLst/>
                <a:latin typeface="Arial" panose="020B0604020202020204" pitchFamily="34" charset="0"/>
              </a:rPr>
              <a:t>en</a:t>
            </a:r>
            <a:r>
              <a:rPr lang="en-GB" sz="1800" i="1">
                <a:solidFill>
                  <a:srgbClr val="000000"/>
                </a:solidFill>
                <a:effectLst/>
                <a:latin typeface="Arial" panose="020B0604020202020204" pitchFamily="34" charset="0"/>
              </a:rPr>
              <a:t> </a:t>
            </a:r>
            <a:r>
              <a:rPr lang="en-GB" sz="1800" i="1" err="1">
                <a:solidFill>
                  <a:srgbClr val="000000"/>
                </a:solidFill>
                <a:effectLst/>
                <a:latin typeface="Arial" panose="020B0604020202020204" pitchFamily="34" charset="0"/>
              </a:rPr>
              <a:t>kies</a:t>
            </a:r>
            <a:r>
              <a:rPr lang="en-GB" sz="1800" i="1">
                <a:solidFill>
                  <a:srgbClr val="000000"/>
                </a:solidFill>
                <a:effectLst/>
                <a:latin typeface="Arial" panose="020B0604020202020204" pitchFamily="34" charset="0"/>
              </a:rPr>
              <a:t> </a:t>
            </a:r>
            <a:r>
              <a:rPr lang="en-GB" sz="1800" i="1" err="1">
                <a:solidFill>
                  <a:srgbClr val="000000"/>
                </a:solidFill>
                <a:effectLst/>
                <a:latin typeface="Arial" panose="020B0604020202020204" pitchFamily="34" charset="0"/>
              </a:rPr>
              <a:t>een</a:t>
            </a:r>
            <a:r>
              <a:rPr lang="en-GB" sz="1800" i="1">
                <a:solidFill>
                  <a:srgbClr val="000000"/>
                </a:solidFill>
                <a:effectLst/>
                <a:latin typeface="Arial" panose="020B0604020202020204" pitchFamily="34" charset="0"/>
              </a:rPr>
              <a:t> </a:t>
            </a:r>
            <a:r>
              <a:rPr lang="en-GB" sz="1800" i="1" err="1">
                <a:solidFill>
                  <a:srgbClr val="000000"/>
                </a:solidFill>
                <a:effectLst/>
                <a:latin typeface="Arial" panose="020B0604020202020204" pitchFamily="34" charset="0"/>
              </a:rPr>
              <a:t>afbeelding</a:t>
            </a:r>
            <a:r>
              <a:rPr lang="en-GB" sz="1800" i="1">
                <a:solidFill>
                  <a:srgbClr val="000000"/>
                </a:solidFill>
                <a:effectLst/>
                <a:latin typeface="Arial" panose="020B0604020202020204" pitchFamily="34" charset="0"/>
              </a:rPr>
              <a:t> </a:t>
            </a:r>
            <a:r>
              <a:rPr lang="en-GB" sz="1800" i="1" err="1">
                <a:solidFill>
                  <a:srgbClr val="000000"/>
                </a:solidFill>
                <a:effectLst/>
                <a:latin typeface="Arial" panose="020B0604020202020204" pitchFamily="34" charset="0"/>
              </a:rPr>
              <a:t>uit</a:t>
            </a:r>
            <a:r>
              <a:rPr lang="en-GB" sz="1800" i="1">
                <a:solidFill>
                  <a:srgbClr val="000000"/>
                </a:solidFill>
                <a:effectLst/>
                <a:latin typeface="Arial" panose="020B0604020202020204" pitchFamily="34" charset="0"/>
              </a:rPr>
              <a:t> de Templafy </a:t>
            </a:r>
            <a:r>
              <a:rPr lang="en-GB" sz="1800" i="1" err="1">
                <a:solidFill>
                  <a:srgbClr val="000000"/>
                </a:solidFill>
                <a:effectLst/>
                <a:latin typeface="Arial" panose="020B0604020202020204" pitchFamily="34" charset="0"/>
              </a:rPr>
              <a:t>bibliotheek</a:t>
            </a:r>
            <a:r>
              <a:rPr lang="en-GB" sz="1800" i="1">
                <a:solidFill>
                  <a:srgbClr val="000000"/>
                </a:solidFill>
                <a:effectLst/>
                <a:latin typeface="Arial" panose="020B0604020202020204" pitchFamily="34" charset="0"/>
              </a:rPr>
              <a:t/>
            </a:r>
            <a:br>
              <a:rPr lang="en-GB" sz="1800" i="1">
                <a:solidFill>
                  <a:srgbClr val="000000"/>
                </a:solidFill>
                <a:effectLst/>
                <a:latin typeface="Arial" panose="020B0604020202020204" pitchFamily="34" charset="0"/>
              </a:rPr>
            </a:br>
            <a:r>
              <a:rPr lang="en-GB" sz="1800" i="1" err="1">
                <a:solidFill>
                  <a:srgbClr val="000000"/>
                </a:solidFill>
                <a:effectLst/>
                <a:latin typeface="Arial" panose="020B0604020202020204" pitchFamily="34" charset="0"/>
              </a:rPr>
              <a:t>óf</a:t>
            </a:r>
            <a:r>
              <a:rPr lang="en-GB" sz="1800" i="1">
                <a:solidFill>
                  <a:srgbClr val="000000"/>
                </a:solidFill>
                <a:effectLst/>
                <a:latin typeface="Arial" panose="020B0604020202020204" pitchFamily="34" charset="0"/>
              </a:rPr>
              <a:t> </a:t>
            </a:r>
            <a:r>
              <a:rPr lang="en-GB" sz="1800" i="1" err="1">
                <a:solidFill>
                  <a:srgbClr val="000000"/>
                </a:solidFill>
                <a:effectLst/>
                <a:latin typeface="Arial" panose="020B0604020202020204" pitchFamily="34" charset="0"/>
              </a:rPr>
              <a:t>klik</a:t>
            </a:r>
            <a:r>
              <a:rPr lang="en-GB" sz="1800" i="1">
                <a:solidFill>
                  <a:srgbClr val="000000"/>
                </a:solidFill>
                <a:effectLst/>
                <a:latin typeface="Arial" panose="020B0604020202020204" pitchFamily="34" charset="0"/>
              </a:rPr>
              <a:t> met de </a:t>
            </a:r>
            <a:r>
              <a:rPr lang="en-GB" sz="1800" i="1" err="1">
                <a:solidFill>
                  <a:srgbClr val="000000"/>
                </a:solidFill>
                <a:effectLst/>
                <a:latin typeface="Arial" panose="020B0604020202020204" pitchFamily="34" charset="0"/>
              </a:rPr>
              <a:t>rechtermuisknop</a:t>
            </a:r>
            <a:r>
              <a:rPr lang="en-GB" sz="1800" i="1">
                <a:solidFill>
                  <a:srgbClr val="000000"/>
                </a:solidFill>
                <a:effectLst/>
                <a:latin typeface="Arial" panose="020B0604020202020204" pitchFamily="34" charset="0"/>
              </a:rPr>
              <a:t> </a:t>
            </a:r>
            <a:r>
              <a:rPr lang="en-GB" sz="1800" i="1" err="1">
                <a:solidFill>
                  <a:srgbClr val="000000"/>
                </a:solidFill>
                <a:effectLst/>
                <a:latin typeface="Arial" panose="020B0604020202020204" pitchFamily="34" charset="0"/>
              </a:rPr>
              <a:t>en</a:t>
            </a:r>
            <a:r>
              <a:rPr lang="en-GB" sz="1800" i="1">
                <a:solidFill>
                  <a:srgbClr val="000000"/>
                </a:solidFill>
                <a:effectLst/>
                <a:latin typeface="Arial" panose="020B0604020202020204" pitchFamily="34" charset="0"/>
              </a:rPr>
              <a:t> </a:t>
            </a:r>
            <a:r>
              <a:rPr lang="en-GB" sz="1800" i="1" err="1">
                <a:solidFill>
                  <a:srgbClr val="000000"/>
                </a:solidFill>
                <a:effectLst/>
                <a:latin typeface="Arial" panose="020B0604020202020204" pitchFamily="34" charset="0"/>
              </a:rPr>
              <a:t>kies</a:t>
            </a:r>
            <a:r>
              <a:rPr lang="en-GB" sz="1800" i="1">
                <a:solidFill>
                  <a:srgbClr val="000000"/>
                </a:solidFill>
                <a:effectLst/>
                <a:latin typeface="Arial" panose="020B0604020202020204" pitchFamily="34" charset="0"/>
              </a:rPr>
              <a:t> </a:t>
            </a:r>
            <a:r>
              <a:rPr lang="en-GB" sz="1800" i="1" err="1">
                <a:solidFill>
                  <a:srgbClr val="000000"/>
                </a:solidFill>
                <a:effectLst/>
                <a:latin typeface="Arial" panose="020B0604020202020204" pitchFamily="34" charset="0"/>
              </a:rPr>
              <a:t>voor</a:t>
            </a:r>
            <a:r>
              <a:rPr lang="en-GB" sz="1800" i="1">
                <a:solidFill>
                  <a:srgbClr val="000000"/>
                </a:solidFill>
                <a:effectLst/>
                <a:latin typeface="Arial" panose="020B0604020202020204" pitchFamily="34" charset="0"/>
              </a:rPr>
              <a:t> </a:t>
            </a:r>
            <a:r>
              <a:rPr lang="en-GB" sz="1800" i="1" err="1">
                <a:solidFill>
                  <a:srgbClr val="000000"/>
                </a:solidFill>
                <a:effectLst/>
                <a:latin typeface="Arial" panose="020B0604020202020204" pitchFamily="34" charset="0"/>
              </a:rPr>
              <a:t>Opvulling</a:t>
            </a:r>
            <a:r>
              <a:rPr lang="en-GB" sz="1800" i="1">
                <a:solidFill>
                  <a:srgbClr val="000000"/>
                </a:solidFill>
                <a:effectLst/>
                <a:latin typeface="Arial" panose="020B0604020202020204" pitchFamily="34" charset="0"/>
              </a:rPr>
              <a:t> &gt; </a:t>
            </a:r>
            <a:r>
              <a:rPr lang="en-GB" sz="1800" i="1" err="1">
                <a:solidFill>
                  <a:srgbClr val="000000"/>
                </a:solidFill>
                <a:effectLst/>
                <a:latin typeface="Arial" panose="020B0604020202020204" pitchFamily="34" charset="0"/>
              </a:rPr>
              <a:t>Afbeelding</a:t>
            </a:r>
            <a:endParaRPr lang="en-US"/>
          </a:p>
        </p:txBody>
      </p:sp>
      <p:sp>
        <p:nvSpPr>
          <p:cNvPr id="250" name="Text Placeholder 249">
            <a:extLst>
              <a:ext uri="{FF2B5EF4-FFF2-40B4-BE49-F238E27FC236}">
                <a16:creationId xmlns:a16="http://schemas.microsoft.com/office/drawing/2014/main" id="{E0748938-00AC-4F09-808F-788D0CB4BC56}"/>
              </a:ext>
            </a:extLst>
          </p:cNvPr>
          <p:cNvSpPr>
            <a:spLocks noGrp="1"/>
          </p:cNvSpPr>
          <p:nvPr>
            <p:ph type="body" sz="quarter" idx="14" hasCustomPrompt="1"/>
          </p:nvPr>
        </p:nvSpPr>
        <p:spPr bwMode="auto">
          <a:xfrm>
            <a:off x="2711234" y="33"/>
            <a:ext cx="9497977" cy="6857968"/>
          </a:xfrm>
          <a:custGeom>
            <a:avLst/>
            <a:gdLst>
              <a:gd name="connsiteX0" fmla="*/ 6330995 w 9497977"/>
              <a:gd name="connsiteY0" fmla="*/ 6474347 h 6857968"/>
              <a:gd name="connsiteX1" fmla="*/ 6330995 w 9497977"/>
              <a:gd name="connsiteY1" fmla="*/ 6545648 h 6857968"/>
              <a:gd name="connsiteX2" fmla="*/ 6402296 w 9497977"/>
              <a:gd name="connsiteY2" fmla="*/ 6545648 h 6857968"/>
              <a:gd name="connsiteX3" fmla="*/ 6402296 w 9497977"/>
              <a:gd name="connsiteY3" fmla="*/ 6474347 h 6857968"/>
              <a:gd name="connsiteX4" fmla="*/ 6188393 w 9497977"/>
              <a:gd name="connsiteY4" fmla="*/ 6474347 h 6857968"/>
              <a:gd name="connsiteX5" fmla="*/ 6188393 w 9497977"/>
              <a:gd name="connsiteY5" fmla="*/ 6545648 h 6857968"/>
              <a:gd name="connsiteX6" fmla="*/ 6259694 w 9497977"/>
              <a:gd name="connsiteY6" fmla="*/ 6545648 h 6857968"/>
              <a:gd name="connsiteX7" fmla="*/ 6259694 w 9497977"/>
              <a:gd name="connsiteY7" fmla="*/ 6474347 h 6857968"/>
              <a:gd name="connsiteX8" fmla="*/ 6045721 w 9497977"/>
              <a:gd name="connsiteY8" fmla="*/ 6474347 h 6857968"/>
              <a:gd name="connsiteX9" fmla="*/ 6045721 w 9497977"/>
              <a:gd name="connsiteY9" fmla="*/ 6545648 h 6857968"/>
              <a:gd name="connsiteX10" fmla="*/ 6117021 w 9497977"/>
              <a:gd name="connsiteY10" fmla="*/ 6545648 h 6857968"/>
              <a:gd name="connsiteX11" fmla="*/ 6117021 w 9497977"/>
              <a:gd name="connsiteY11" fmla="*/ 6474347 h 6857968"/>
              <a:gd name="connsiteX12" fmla="*/ 5903048 w 9497977"/>
              <a:gd name="connsiteY12" fmla="*/ 6474347 h 6857968"/>
              <a:gd name="connsiteX13" fmla="*/ 5903048 w 9497977"/>
              <a:gd name="connsiteY13" fmla="*/ 6545648 h 6857968"/>
              <a:gd name="connsiteX14" fmla="*/ 5974349 w 9497977"/>
              <a:gd name="connsiteY14" fmla="*/ 6545648 h 6857968"/>
              <a:gd name="connsiteX15" fmla="*/ 5974349 w 9497977"/>
              <a:gd name="connsiteY15" fmla="*/ 6474347 h 6857968"/>
              <a:gd name="connsiteX16" fmla="*/ 5760447 w 9497977"/>
              <a:gd name="connsiteY16" fmla="*/ 6474347 h 6857968"/>
              <a:gd name="connsiteX17" fmla="*/ 5760447 w 9497977"/>
              <a:gd name="connsiteY17" fmla="*/ 6545648 h 6857968"/>
              <a:gd name="connsiteX18" fmla="*/ 5831748 w 9497977"/>
              <a:gd name="connsiteY18" fmla="*/ 6545648 h 6857968"/>
              <a:gd name="connsiteX19" fmla="*/ 5831748 w 9497977"/>
              <a:gd name="connsiteY19" fmla="*/ 6474347 h 6857968"/>
              <a:gd name="connsiteX20" fmla="*/ 5617774 w 9497977"/>
              <a:gd name="connsiteY20" fmla="*/ 6474347 h 6857968"/>
              <a:gd name="connsiteX21" fmla="*/ 5617774 w 9497977"/>
              <a:gd name="connsiteY21" fmla="*/ 6545648 h 6857968"/>
              <a:gd name="connsiteX22" fmla="*/ 5689075 w 9497977"/>
              <a:gd name="connsiteY22" fmla="*/ 6545648 h 6857968"/>
              <a:gd name="connsiteX23" fmla="*/ 5689075 w 9497977"/>
              <a:gd name="connsiteY23" fmla="*/ 6474347 h 6857968"/>
              <a:gd name="connsiteX24" fmla="*/ 5475173 w 9497977"/>
              <a:gd name="connsiteY24" fmla="*/ 6474347 h 6857968"/>
              <a:gd name="connsiteX25" fmla="*/ 5475173 w 9497977"/>
              <a:gd name="connsiteY25" fmla="*/ 6545648 h 6857968"/>
              <a:gd name="connsiteX26" fmla="*/ 5546474 w 9497977"/>
              <a:gd name="connsiteY26" fmla="*/ 6545648 h 6857968"/>
              <a:gd name="connsiteX27" fmla="*/ 5546474 w 9497977"/>
              <a:gd name="connsiteY27" fmla="*/ 6474347 h 6857968"/>
              <a:gd name="connsiteX28" fmla="*/ 5332500 w 9497977"/>
              <a:gd name="connsiteY28" fmla="*/ 6474347 h 6857968"/>
              <a:gd name="connsiteX29" fmla="*/ 5332500 w 9497977"/>
              <a:gd name="connsiteY29" fmla="*/ 6545648 h 6857968"/>
              <a:gd name="connsiteX30" fmla="*/ 5403801 w 9497977"/>
              <a:gd name="connsiteY30" fmla="*/ 6545648 h 6857968"/>
              <a:gd name="connsiteX31" fmla="*/ 5403801 w 9497977"/>
              <a:gd name="connsiteY31" fmla="*/ 6474347 h 6857968"/>
              <a:gd name="connsiteX32" fmla="*/ 5189828 w 9497977"/>
              <a:gd name="connsiteY32" fmla="*/ 6474347 h 6857968"/>
              <a:gd name="connsiteX33" fmla="*/ 5189828 w 9497977"/>
              <a:gd name="connsiteY33" fmla="*/ 6545648 h 6857968"/>
              <a:gd name="connsiteX34" fmla="*/ 5261129 w 9497977"/>
              <a:gd name="connsiteY34" fmla="*/ 6545648 h 6857968"/>
              <a:gd name="connsiteX35" fmla="*/ 5261129 w 9497977"/>
              <a:gd name="connsiteY35" fmla="*/ 6474347 h 6857968"/>
              <a:gd name="connsiteX36" fmla="*/ 5047226 w 9497977"/>
              <a:gd name="connsiteY36" fmla="*/ 6474347 h 6857968"/>
              <a:gd name="connsiteX37" fmla="*/ 5047226 w 9497977"/>
              <a:gd name="connsiteY37" fmla="*/ 6545648 h 6857968"/>
              <a:gd name="connsiteX38" fmla="*/ 5118527 w 9497977"/>
              <a:gd name="connsiteY38" fmla="*/ 6545648 h 6857968"/>
              <a:gd name="connsiteX39" fmla="*/ 5118527 w 9497977"/>
              <a:gd name="connsiteY39" fmla="*/ 6474347 h 6857968"/>
              <a:gd name="connsiteX40" fmla="*/ 4904553 w 9497977"/>
              <a:gd name="connsiteY40" fmla="*/ 6474347 h 6857968"/>
              <a:gd name="connsiteX41" fmla="*/ 4904553 w 9497977"/>
              <a:gd name="connsiteY41" fmla="*/ 6545648 h 6857968"/>
              <a:gd name="connsiteX42" fmla="*/ 4975854 w 9497977"/>
              <a:gd name="connsiteY42" fmla="*/ 6545648 h 6857968"/>
              <a:gd name="connsiteX43" fmla="*/ 4975854 w 9497977"/>
              <a:gd name="connsiteY43" fmla="*/ 6474347 h 6857968"/>
              <a:gd name="connsiteX44" fmla="*/ 4761952 w 9497977"/>
              <a:gd name="connsiteY44" fmla="*/ 6474347 h 6857968"/>
              <a:gd name="connsiteX45" fmla="*/ 4761952 w 9497977"/>
              <a:gd name="connsiteY45" fmla="*/ 6545648 h 6857968"/>
              <a:gd name="connsiteX46" fmla="*/ 4833253 w 9497977"/>
              <a:gd name="connsiteY46" fmla="*/ 6545648 h 6857968"/>
              <a:gd name="connsiteX47" fmla="*/ 4833253 w 9497977"/>
              <a:gd name="connsiteY47" fmla="*/ 6474347 h 6857968"/>
              <a:gd name="connsiteX48" fmla="*/ 4619279 w 9497977"/>
              <a:gd name="connsiteY48" fmla="*/ 6474347 h 6857968"/>
              <a:gd name="connsiteX49" fmla="*/ 4619279 w 9497977"/>
              <a:gd name="connsiteY49" fmla="*/ 6545648 h 6857968"/>
              <a:gd name="connsiteX50" fmla="*/ 4690580 w 9497977"/>
              <a:gd name="connsiteY50" fmla="*/ 6545648 h 6857968"/>
              <a:gd name="connsiteX51" fmla="*/ 4690580 w 9497977"/>
              <a:gd name="connsiteY51" fmla="*/ 6474347 h 6857968"/>
              <a:gd name="connsiteX52" fmla="*/ 4476678 w 9497977"/>
              <a:gd name="connsiteY52" fmla="*/ 6474347 h 6857968"/>
              <a:gd name="connsiteX53" fmla="*/ 4476678 w 9497977"/>
              <a:gd name="connsiteY53" fmla="*/ 6545648 h 6857968"/>
              <a:gd name="connsiteX54" fmla="*/ 4547979 w 9497977"/>
              <a:gd name="connsiteY54" fmla="*/ 6545648 h 6857968"/>
              <a:gd name="connsiteX55" fmla="*/ 4547979 w 9497977"/>
              <a:gd name="connsiteY55" fmla="*/ 6474347 h 6857968"/>
              <a:gd name="connsiteX56" fmla="*/ 4334005 w 9497977"/>
              <a:gd name="connsiteY56" fmla="*/ 6474347 h 6857968"/>
              <a:gd name="connsiteX57" fmla="*/ 4334005 w 9497977"/>
              <a:gd name="connsiteY57" fmla="*/ 6545648 h 6857968"/>
              <a:gd name="connsiteX58" fmla="*/ 4405306 w 9497977"/>
              <a:gd name="connsiteY58" fmla="*/ 6545648 h 6857968"/>
              <a:gd name="connsiteX59" fmla="*/ 4405306 w 9497977"/>
              <a:gd name="connsiteY59" fmla="*/ 6474347 h 6857968"/>
              <a:gd name="connsiteX60" fmla="*/ 4191404 w 9497977"/>
              <a:gd name="connsiteY60" fmla="*/ 6474347 h 6857968"/>
              <a:gd name="connsiteX61" fmla="*/ 4191404 w 9497977"/>
              <a:gd name="connsiteY61" fmla="*/ 6545648 h 6857968"/>
              <a:gd name="connsiteX62" fmla="*/ 4262705 w 9497977"/>
              <a:gd name="connsiteY62" fmla="*/ 6545648 h 6857968"/>
              <a:gd name="connsiteX63" fmla="*/ 4262705 w 9497977"/>
              <a:gd name="connsiteY63" fmla="*/ 6474347 h 6857968"/>
              <a:gd name="connsiteX64" fmla="*/ 4048731 w 9497977"/>
              <a:gd name="connsiteY64" fmla="*/ 6474347 h 6857968"/>
              <a:gd name="connsiteX65" fmla="*/ 4048731 w 9497977"/>
              <a:gd name="connsiteY65" fmla="*/ 6545648 h 6857968"/>
              <a:gd name="connsiteX66" fmla="*/ 4120032 w 9497977"/>
              <a:gd name="connsiteY66" fmla="*/ 6545648 h 6857968"/>
              <a:gd name="connsiteX67" fmla="*/ 4120032 w 9497977"/>
              <a:gd name="connsiteY67" fmla="*/ 6474347 h 6857968"/>
              <a:gd name="connsiteX68" fmla="*/ 3906059 w 9497977"/>
              <a:gd name="connsiteY68" fmla="*/ 6474347 h 6857968"/>
              <a:gd name="connsiteX69" fmla="*/ 3906059 w 9497977"/>
              <a:gd name="connsiteY69" fmla="*/ 6545648 h 6857968"/>
              <a:gd name="connsiteX70" fmla="*/ 3977360 w 9497977"/>
              <a:gd name="connsiteY70" fmla="*/ 6545648 h 6857968"/>
              <a:gd name="connsiteX71" fmla="*/ 3977360 w 9497977"/>
              <a:gd name="connsiteY71" fmla="*/ 6474347 h 6857968"/>
              <a:gd name="connsiteX72" fmla="*/ 3763457 w 9497977"/>
              <a:gd name="connsiteY72" fmla="*/ 6474347 h 6857968"/>
              <a:gd name="connsiteX73" fmla="*/ 3763457 w 9497977"/>
              <a:gd name="connsiteY73" fmla="*/ 6545648 h 6857968"/>
              <a:gd name="connsiteX74" fmla="*/ 3834758 w 9497977"/>
              <a:gd name="connsiteY74" fmla="*/ 6545648 h 6857968"/>
              <a:gd name="connsiteX75" fmla="*/ 3834758 w 9497977"/>
              <a:gd name="connsiteY75" fmla="*/ 6474347 h 6857968"/>
              <a:gd name="connsiteX76" fmla="*/ 3620784 w 9497977"/>
              <a:gd name="connsiteY76" fmla="*/ 6474347 h 6857968"/>
              <a:gd name="connsiteX77" fmla="*/ 3620784 w 9497977"/>
              <a:gd name="connsiteY77" fmla="*/ 6545648 h 6857968"/>
              <a:gd name="connsiteX78" fmla="*/ 3692085 w 9497977"/>
              <a:gd name="connsiteY78" fmla="*/ 6545648 h 6857968"/>
              <a:gd name="connsiteX79" fmla="*/ 3692085 w 9497977"/>
              <a:gd name="connsiteY79" fmla="*/ 6474347 h 6857968"/>
              <a:gd name="connsiteX80" fmla="*/ 3478184 w 9497977"/>
              <a:gd name="connsiteY80" fmla="*/ 6474347 h 6857968"/>
              <a:gd name="connsiteX81" fmla="*/ 3478184 w 9497977"/>
              <a:gd name="connsiteY81" fmla="*/ 6545648 h 6857968"/>
              <a:gd name="connsiteX82" fmla="*/ 3549484 w 9497977"/>
              <a:gd name="connsiteY82" fmla="*/ 6545648 h 6857968"/>
              <a:gd name="connsiteX83" fmla="*/ 3549484 w 9497977"/>
              <a:gd name="connsiteY83" fmla="*/ 6474347 h 6857968"/>
              <a:gd name="connsiteX84" fmla="*/ 3335511 w 9497977"/>
              <a:gd name="connsiteY84" fmla="*/ 6474347 h 6857968"/>
              <a:gd name="connsiteX85" fmla="*/ 3335511 w 9497977"/>
              <a:gd name="connsiteY85" fmla="*/ 6545648 h 6857968"/>
              <a:gd name="connsiteX86" fmla="*/ 3406811 w 9497977"/>
              <a:gd name="connsiteY86" fmla="*/ 6545648 h 6857968"/>
              <a:gd name="connsiteX87" fmla="*/ 3406811 w 9497977"/>
              <a:gd name="connsiteY87" fmla="*/ 6474347 h 6857968"/>
              <a:gd name="connsiteX88" fmla="*/ 3192839 w 9497977"/>
              <a:gd name="connsiteY88" fmla="*/ 6474347 h 6857968"/>
              <a:gd name="connsiteX89" fmla="*/ 3192839 w 9497977"/>
              <a:gd name="connsiteY89" fmla="*/ 6545648 h 6857968"/>
              <a:gd name="connsiteX90" fmla="*/ 3264139 w 9497977"/>
              <a:gd name="connsiteY90" fmla="*/ 6545648 h 6857968"/>
              <a:gd name="connsiteX91" fmla="*/ 3264139 w 9497977"/>
              <a:gd name="connsiteY91" fmla="*/ 6474347 h 6857968"/>
              <a:gd name="connsiteX92" fmla="*/ 3050237 w 9497977"/>
              <a:gd name="connsiteY92" fmla="*/ 6474347 h 6857968"/>
              <a:gd name="connsiteX93" fmla="*/ 3050237 w 9497977"/>
              <a:gd name="connsiteY93" fmla="*/ 6545648 h 6857968"/>
              <a:gd name="connsiteX94" fmla="*/ 3121537 w 9497977"/>
              <a:gd name="connsiteY94" fmla="*/ 6545648 h 6857968"/>
              <a:gd name="connsiteX95" fmla="*/ 3121537 w 9497977"/>
              <a:gd name="connsiteY95" fmla="*/ 6474347 h 6857968"/>
              <a:gd name="connsiteX96" fmla="*/ 2907564 w 9497977"/>
              <a:gd name="connsiteY96" fmla="*/ 6474347 h 6857968"/>
              <a:gd name="connsiteX97" fmla="*/ 2907564 w 9497977"/>
              <a:gd name="connsiteY97" fmla="*/ 6545648 h 6857968"/>
              <a:gd name="connsiteX98" fmla="*/ 2978865 w 9497977"/>
              <a:gd name="connsiteY98" fmla="*/ 6545648 h 6857968"/>
              <a:gd name="connsiteX99" fmla="*/ 2978865 w 9497977"/>
              <a:gd name="connsiteY99" fmla="*/ 6474347 h 6857968"/>
              <a:gd name="connsiteX100" fmla="*/ 2764962 w 9497977"/>
              <a:gd name="connsiteY100" fmla="*/ 6474347 h 6857968"/>
              <a:gd name="connsiteX101" fmla="*/ 2764962 w 9497977"/>
              <a:gd name="connsiteY101" fmla="*/ 6545648 h 6857968"/>
              <a:gd name="connsiteX102" fmla="*/ 2836263 w 9497977"/>
              <a:gd name="connsiteY102" fmla="*/ 6545648 h 6857968"/>
              <a:gd name="connsiteX103" fmla="*/ 2836263 w 9497977"/>
              <a:gd name="connsiteY103" fmla="*/ 6474347 h 6857968"/>
              <a:gd name="connsiteX104" fmla="*/ 2622291 w 9497977"/>
              <a:gd name="connsiteY104" fmla="*/ 6474347 h 6857968"/>
              <a:gd name="connsiteX105" fmla="*/ 2622291 w 9497977"/>
              <a:gd name="connsiteY105" fmla="*/ 6545648 h 6857968"/>
              <a:gd name="connsiteX106" fmla="*/ 2693591 w 9497977"/>
              <a:gd name="connsiteY106" fmla="*/ 6545648 h 6857968"/>
              <a:gd name="connsiteX107" fmla="*/ 2693591 w 9497977"/>
              <a:gd name="connsiteY107" fmla="*/ 6474347 h 6857968"/>
              <a:gd name="connsiteX108" fmla="*/ 2479688 w 9497977"/>
              <a:gd name="connsiteY108" fmla="*/ 6474347 h 6857968"/>
              <a:gd name="connsiteX109" fmla="*/ 2479688 w 9497977"/>
              <a:gd name="connsiteY109" fmla="*/ 6545648 h 6857968"/>
              <a:gd name="connsiteX110" fmla="*/ 2550990 w 9497977"/>
              <a:gd name="connsiteY110" fmla="*/ 6545648 h 6857968"/>
              <a:gd name="connsiteX111" fmla="*/ 2550990 w 9497977"/>
              <a:gd name="connsiteY111" fmla="*/ 6474347 h 6857968"/>
              <a:gd name="connsiteX112" fmla="*/ 2337016 w 9497977"/>
              <a:gd name="connsiteY112" fmla="*/ 6474347 h 6857968"/>
              <a:gd name="connsiteX113" fmla="*/ 2337016 w 9497977"/>
              <a:gd name="connsiteY113" fmla="*/ 6545648 h 6857968"/>
              <a:gd name="connsiteX114" fmla="*/ 2408317 w 9497977"/>
              <a:gd name="connsiteY114" fmla="*/ 6545648 h 6857968"/>
              <a:gd name="connsiteX115" fmla="*/ 2408317 w 9497977"/>
              <a:gd name="connsiteY115" fmla="*/ 6474347 h 6857968"/>
              <a:gd name="connsiteX116" fmla="*/ 2195429 w 9497977"/>
              <a:gd name="connsiteY116" fmla="*/ 6474347 h 6857968"/>
              <a:gd name="connsiteX117" fmla="*/ 2195429 w 9497977"/>
              <a:gd name="connsiteY117" fmla="*/ 6545648 h 6857968"/>
              <a:gd name="connsiteX118" fmla="*/ 2266731 w 9497977"/>
              <a:gd name="connsiteY118" fmla="*/ 6545648 h 6857968"/>
              <a:gd name="connsiteX119" fmla="*/ 2266731 w 9497977"/>
              <a:gd name="connsiteY119" fmla="*/ 6474347 h 6857968"/>
              <a:gd name="connsiteX120" fmla="*/ 2052828 w 9497977"/>
              <a:gd name="connsiteY120" fmla="*/ 6474347 h 6857968"/>
              <a:gd name="connsiteX121" fmla="*/ 2052828 w 9497977"/>
              <a:gd name="connsiteY121" fmla="*/ 6545648 h 6857968"/>
              <a:gd name="connsiteX122" fmla="*/ 2124128 w 9497977"/>
              <a:gd name="connsiteY122" fmla="*/ 6545648 h 6857968"/>
              <a:gd name="connsiteX123" fmla="*/ 2124128 w 9497977"/>
              <a:gd name="connsiteY123" fmla="*/ 6474347 h 6857968"/>
              <a:gd name="connsiteX124" fmla="*/ 1910155 w 9497977"/>
              <a:gd name="connsiteY124" fmla="*/ 6474347 h 6857968"/>
              <a:gd name="connsiteX125" fmla="*/ 1910155 w 9497977"/>
              <a:gd name="connsiteY125" fmla="*/ 6545648 h 6857968"/>
              <a:gd name="connsiteX126" fmla="*/ 1981455 w 9497977"/>
              <a:gd name="connsiteY126" fmla="*/ 6545648 h 6857968"/>
              <a:gd name="connsiteX127" fmla="*/ 1981455 w 9497977"/>
              <a:gd name="connsiteY127" fmla="*/ 6474347 h 6857968"/>
              <a:gd name="connsiteX128" fmla="*/ 1767483 w 9497977"/>
              <a:gd name="connsiteY128" fmla="*/ 6474347 h 6857968"/>
              <a:gd name="connsiteX129" fmla="*/ 1767483 w 9497977"/>
              <a:gd name="connsiteY129" fmla="*/ 6545648 h 6857968"/>
              <a:gd name="connsiteX130" fmla="*/ 1838783 w 9497977"/>
              <a:gd name="connsiteY130" fmla="*/ 6545648 h 6857968"/>
              <a:gd name="connsiteX131" fmla="*/ 1838783 w 9497977"/>
              <a:gd name="connsiteY131" fmla="*/ 6474347 h 6857968"/>
              <a:gd name="connsiteX132" fmla="*/ 1624882 w 9497977"/>
              <a:gd name="connsiteY132" fmla="*/ 6474347 h 6857968"/>
              <a:gd name="connsiteX133" fmla="*/ 1624882 w 9497977"/>
              <a:gd name="connsiteY133" fmla="*/ 6545648 h 6857968"/>
              <a:gd name="connsiteX134" fmla="*/ 1696183 w 9497977"/>
              <a:gd name="connsiteY134" fmla="*/ 6545648 h 6857968"/>
              <a:gd name="connsiteX135" fmla="*/ 1696183 w 9497977"/>
              <a:gd name="connsiteY135" fmla="*/ 6474347 h 6857968"/>
              <a:gd name="connsiteX136" fmla="*/ 1482215 w 9497977"/>
              <a:gd name="connsiteY136" fmla="*/ 6474347 h 6857968"/>
              <a:gd name="connsiteX137" fmla="*/ 1482215 w 9497977"/>
              <a:gd name="connsiteY137" fmla="*/ 6545648 h 6857968"/>
              <a:gd name="connsiteX138" fmla="*/ 1553511 w 9497977"/>
              <a:gd name="connsiteY138" fmla="*/ 6545648 h 6857968"/>
              <a:gd name="connsiteX139" fmla="*/ 1553511 w 9497977"/>
              <a:gd name="connsiteY139" fmla="*/ 6474347 h 6857968"/>
              <a:gd name="connsiteX140" fmla="*/ 1339617 w 9497977"/>
              <a:gd name="connsiteY140" fmla="*/ 6474347 h 6857968"/>
              <a:gd name="connsiteX141" fmla="*/ 1339617 w 9497977"/>
              <a:gd name="connsiteY141" fmla="*/ 6545648 h 6857968"/>
              <a:gd name="connsiteX142" fmla="*/ 1410920 w 9497977"/>
              <a:gd name="connsiteY142" fmla="*/ 6545648 h 6857968"/>
              <a:gd name="connsiteX143" fmla="*/ 1410920 w 9497977"/>
              <a:gd name="connsiteY143" fmla="*/ 6474347 h 6857968"/>
              <a:gd name="connsiteX144" fmla="*/ 1196941 w 9497977"/>
              <a:gd name="connsiteY144" fmla="*/ 6474347 h 6857968"/>
              <a:gd name="connsiteX145" fmla="*/ 1196941 w 9497977"/>
              <a:gd name="connsiteY145" fmla="*/ 6545648 h 6857968"/>
              <a:gd name="connsiteX146" fmla="*/ 1268245 w 9497977"/>
              <a:gd name="connsiteY146" fmla="*/ 6545648 h 6857968"/>
              <a:gd name="connsiteX147" fmla="*/ 1268245 w 9497977"/>
              <a:gd name="connsiteY147" fmla="*/ 6474347 h 6857968"/>
              <a:gd name="connsiteX148" fmla="*/ 1054277 w 9497977"/>
              <a:gd name="connsiteY148" fmla="*/ 6474347 h 6857968"/>
              <a:gd name="connsiteX149" fmla="*/ 1054277 w 9497977"/>
              <a:gd name="connsiteY149" fmla="*/ 6545648 h 6857968"/>
              <a:gd name="connsiteX150" fmla="*/ 1125575 w 9497977"/>
              <a:gd name="connsiteY150" fmla="*/ 6545648 h 6857968"/>
              <a:gd name="connsiteX151" fmla="*/ 1125575 w 9497977"/>
              <a:gd name="connsiteY151" fmla="*/ 6474347 h 6857968"/>
              <a:gd name="connsiteX152" fmla="*/ 911663 w 9497977"/>
              <a:gd name="connsiteY152" fmla="*/ 6474347 h 6857968"/>
              <a:gd name="connsiteX153" fmla="*/ 911663 w 9497977"/>
              <a:gd name="connsiteY153" fmla="*/ 6545648 h 6857968"/>
              <a:gd name="connsiteX154" fmla="*/ 982964 w 9497977"/>
              <a:gd name="connsiteY154" fmla="*/ 6545648 h 6857968"/>
              <a:gd name="connsiteX155" fmla="*/ 982964 w 9497977"/>
              <a:gd name="connsiteY155" fmla="*/ 6474347 h 6857968"/>
              <a:gd name="connsiteX156" fmla="*/ 769001 w 9497977"/>
              <a:gd name="connsiteY156" fmla="*/ 6474347 h 6857968"/>
              <a:gd name="connsiteX157" fmla="*/ 769001 w 9497977"/>
              <a:gd name="connsiteY157" fmla="*/ 6545648 h 6857968"/>
              <a:gd name="connsiteX158" fmla="*/ 840299 w 9497977"/>
              <a:gd name="connsiteY158" fmla="*/ 6545648 h 6857968"/>
              <a:gd name="connsiteX159" fmla="*/ 840299 w 9497977"/>
              <a:gd name="connsiteY159" fmla="*/ 6474347 h 6857968"/>
              <a:gd name="connsiteX160" fmla="*/ 626392 w 9497977"/>
              <a:gd name="connsiteY160" fmla="*/ 6474347 h 6857968"/>
              <a:gd name="connsiteX161" fmla="*/ 626392 w 9497977"/>
              <a:gd name="connsiteY161" fmla="*/ 6545648 h 6857968"/>
              <a:gd name="connsiteX162" fmla="*/ 697691 w 9497977"/>
              <a:gd name="connsiteY162" fmla="*/ 6545648 h 6857968"/>
              <a:gd name="connsiteX163" fmla="*/ 697691 w 9497977"/>
              <a:gd name="connsiteY163" fmla="*/ 6474347 h 6857968"/>
              <a:gd name="connsiteX164" fmla="*/ 483718 w 9497977"/>
              <a:gd name="connsiteY164" fmla="*/ 6474347 h 6857968"/>
              <a:gd name="connsiteX165" fmla="*/ 483718 w 9497977"/>
              <a:gd name="connsiteY165" fmla="*/ 6545648 h 6857968"/>
              <a:gd name="connsiteX166" fmla="*/ 555020 w 9497977"/>
              <a:gd name="connsiteY166" fmla="*/ 6545648 h 6857968"/>
              <a:gd name="connsiteX167" fmla="*/ 555020 w 9497977"/>
              <a:gd name="connsiteY167" fmla="*/ 6474347 h 6857968"/>
              <a:gd name="connsiteX168" fmla="*/ 7329490 w 9497977"/>
              <a:gd name="connsiteY168" fmla="*/ 6325709 h 6857968"/>
              <a:gd name="connsiteX169" fmla="*/ 7329490 w 9497977"/>
              <a:gd name="connsiteY169" fmla="*/ 6397010 h 6857968"/>
              <a:gd name="connsiteX170" fmla="*/ 7400791 w 9497977"/>
              <a:gd name="connsiteY170" fmla="*/ 6397010 h 6857968"/>
              <a:gd name="connsiteX171" fmla="*/ 7400791 w 9497977"/>
              <a:gd name="connsiteY171" fmla="*/ 6325709 h 6857968"/>
              <a:gd name="connsiteX172" fmla="*/ 7186888 w 9497977"/>
              <a:gd name="connsiteY172" fmla="*/ 6325709 h 6857968"/>
              <a:gd name="connsiteX173" fmla="*/ 7186888 w 9497977"/>
              <a:gd name="connsiteY173" fmla="*/ 6397010 h 6857968"/>
              <a:gd name="connsiteX174" fmla="*/ 7258188 w 9497977"/>
              <a:gd name="connsiteY174" fmla="*/ 6397010 h 6857968"/>
              <a:gd name="connsiteX175" fmla="*/ 7258188 w 9497977"/>
              <a:gd name="connsiteY175" fmla="*/ 6325709 h 6857968"/>
              <a:gd name="connsiteX176" fmla="*/ 7044216 w 9497977"/>
              <a:gd name="connsiteY176" fmla="*/ 6325709 h 6857968"/>
              <a:gd name="connsiteX177" fmla="*/ 7044216 w 9497977"/>
              <a:gd name="connsiteY177" fmla="*/ 6397010 h 6857968"/>
              <a:gd name="connsiteX178" fmla="*/ 7115517 w 9497977"/>
              <a:gd name="connsiteY178" fmla="*/ 6397010 h 6857968"/>
              <a:gd name="connsiteX179" fmla="*/ 7115517 w 9497977"/>
              <a:gd name="connsiteY179" fmla="*/ 6325709 h 6857968"/>
              <a:gd name="connsiteX180" fmla="*/ 6901543 w 9497977"/>
              <a:gd name="connsiteY180" fmla="*/ 6325709 h 6857968"/>
              <a:gd name="connsiteX181" fmla="*/ 6901543 w 9497977"/>
              <a:gd name="connsiteY181" fmla="*/ 6397010 h 6857968"/>
              <a:gd name="connsiteX182" fmla="*/ 6972844 w 9497977"/>
              <a:gd name="connsiteY182" fmla="*/ 6397010 h 6857968"/>
              <a:gd name="connsiteX183" fmla="*/ 6972844 w 9497977"/>
              <a:gd name="connsiteY183" fmla="*/ 6325709 h 6857968"/>
              <a:gd name="connsiteX184" fmla="*/ 6758942 w 9497977"/>
              <a:gd name="connsiteY184" fmla="*/ 6325709 h 6857968"/>
              <a:gd name="connsiteX185" fmla="*/ 6758942 w 9497977"/>
              <a:gd name="connsiteY185" fmla="*/ 6397010 h 6857968"/>
              <a:gd name="connsiteX186" fmla="*/ 6830242 w 9497977"/>
              <a:gd name="connsiteY186" fmla="*/ 6397010 h 6857968"/>
              <a:gd name="connsiteX187" fmla="*/ 6830242 w 9497977"/>
              <a:gd name="connsiteY187" fmla="*/ 6325709 h 6857968"/>
              <a:gd name="connsiteX188" fmla="*/ 6616269 w 9497977"/>
              <a:gd name="connsiteY188" fmla="*/ 6325709 h 6857968"/>
              <a:gd name="connsiteX189" fmla="*/ 6616269 w 9497977"/>
              <a:gd name="connsiteY189" fmla="*/ 6397010 h 6857968"/>
              <a:gd name="connsiteX190" fmla="*/ 6687570 w 9497977"/>
              <a:gd name="connsiteY190" fmla="*/ 6397010 h 6857968"/>
              <a:gd name="connsiteX191" fmla="*/ 6687570 w 9497977"/>
              <a:gd name="connsiteY191" fmla="*/ 6325709 h 6857968"/>
              <a:gd name="connsiteX192" fmla="*/ 6473667 w 9497977"/>
              <a:gd name="connsiteY192" fmla="*/ 6325709 h 6857968"/>
              <a:gd name="connsiteX193" fmla="*/ 6473667 w 9497977"/>
              <a:gd name="connsiteY193" fmla="*/ 6397010 h 6857968"/>
              <a:gd name="connsiteX194" fmla="*/ 6544968 w 9497977"/>
              <a:gd name="connsiteY194" fmla="*/ 6397010 h 6857968"/>
              <a:gd name="connsiteX195" fmla="*/ 6544968 w 9497977"/>
              <a:gd name="connsiteY195" fmla="*/ 6325709 h 6857968"/>
              <a:gd name="connsiteX196" fmla="*/ 6330995 w 9497977"/>
              <a:gd name="connsiteY196" fmla="*/ 6325709 h 6857968"/>
              <a:gd name="connsiteX197" fmla="*/ 6330995 w 9497977"/>
              <a:gd name="connsiteY197" fmla="*/ 6397010 h 6857968"/>
              <a:gd name="connsiteX198" fmla="*/ 6402296 w 9497977"/>
              <a:gd name="connsiteY198" fmla="*/ 6397010 h 6857968"/>
              <a:gd name="connsiteX199" fmla="*/ 6402296 w 9497977"/>
              <a:gd name="connsiteY199" fmla="*/ 6325709 h 6857968"/>
              <a:gd name="connsiteX200" fmla="*/ 6188393 w 9497977"/>
              <a:gd name="connsiteY200" fmla="*/ 6325709 h 6857968"/>
              <a:gd name="connsiteX201" fmla="*/ 6188393 w 9497977"/>
              <a:gd name="connsiteY201" fmla="*/ 6397010 h 6857968"/>
              <a:gd name="connsiteX202" fmla="*/ 6259694 w 9497977"/>
              <a:gd name="connsiteY202" fmla="*/ 6397010 h 6857968"/>
              <a:gd name="connsiteX203" fmla="*/ 6259694 w 9497977"/>
              <a:gd name="connsiteY203" fmla="*/ 6325709 h 6857968"/>
              <a:gd name="connsiteX204" fmla="*/ 6045721 w 9497977"/>
              <a:gd name="connsiteY204" fmla="*/ 6325709 h 6857968"/>
              <a:gd name="connsiteX205" fmla="*/ 6045721 w 9497977"/>
              <a:gd name="connsiteY205" fmla="*/ 6397010 h 6857968"/>
              <a:gd name="connsiteX206" fmla="*/ 6117021 w 9497977"/>
              <a:gd name="connsiteY206" fmla="*/ 6397010 h 6857968"/>
              <a:gd name="connsiteX207" fmla="*/ 6117021 w 9497977"/>
              <a:gd name="connsiteY207" fmla="*/ 6325709 h 6857968"/>
              <a:gd name="connsiteX208" fmla="*/ 5903048 w 9497977"/>
              <a:gd name="connsiteY208" fmla="*/ 6325709 h 6857968"/>
              <a:gd name="connsiteX209" fmla="*/ 5903048 w 9497977"/>
              <a:gd name="connsiteY209" fmla="*/ 6397010 h 6857968"/>
              <a:gd name="connsiteX210" fmla="*/ 5974349 w 9497977"/>
              <a:gd name="connsiteY210" fmla="*/ 6397010 h 6857968"/>
              <a:gd name="connsiteX211" fmla="*/ 5974349 w 9497977"/>
              <a:gd name="connsiteY211" fmla="*/ 6325709 h 6857968"/>
              <a:gd name="connsiteX212" fmla="*/ 5760447 w 9497977"/>
              <a:gd name="connsiteY212" fmla="*/ 6325709 h 6857968"/>
              <a:gd name="connsiteX213" fmla="*/ 5760447 w 9497977"/>
              <a:gd name="connsiteY213" fmla="*/ 6397010 h 6857968"/>
              <a:gd name="connsiteX214" fmla="*/ 5831748 w 9497977"/>
              <a:gd name="connsiteY214" fmla="*/ 6397010 h 6857968"/>
              <a:gd name="connsiteX215" fmla="*/ 5831748 w 9497977"/>
              <a:gd name="connsiteY215" fmla="*/ 6325709 h 6857968"/>
              <a:gd name="connsiteX216" fmla="*/ 5617774 w 9497977"/>
              <a:gd name="connsiteY216" fmla="*/ 6325709 h 6857968"/>
              <a:gd name="connsiteX217" fmla="*/ 5617774 w 9497977"/>
              <a:gd name="connsiteY217" fmla="*/ 6397010 h 6857968"/>
              <a:gd name="connsiteX218" fmla="*/ 5689075 w 9497977"/>
              <a:gd name="connsiteY218" fmla="*/ 6397010 h 6857968"/>
              <a:gd name="connsiteX219" fmla="*/ 5689075 w 9497977"/>
              <a:gd name="connsiteY219" fmla="*/ 6325709 h 6857968"/>
              <a:gd name="connsiteX220" fmla="*/ 5475173 w 9497977"/>
              <a:gd name="connsiteY220" fmla="*/ 6325709 h 6857968"/>
              <a:gd name="connsiteX221" fmla="*/ 5475173 w 9497977"/>
              <a:gd name="connsiteY221" fmla="*/ 6397010 h 6857968"/>
              <a:gd name="connsiteX222" fmla="*/ 5546474 w 9497977"/>
              <a:gd name="connsiteY222" fmla="*/ 6397010 h 6857968"/>
              <a:gd name="connsiteX223" fmla="*/ 5546474 w 9497977"/>
              <a:gd name="connsiteY223" fmla="*/ 6325709 h 6857968"/>
              <a:gd name="connsiteX224" fmla="*/ 5332500 w 9497977"/>
              <a:gd name="connsiteY224" fmla="*/ 6325709 h 6857968"/>
              <a:gd name="connsiteX225" fmla="*/ 5332500 w 9497977"/>
              <a:gd name="connsiteY225" fmla="*/ 6397010 h 6857968"/>
              <a:gd name="connsiteX226" fmla="*/ 5403801 w 9497977"/>
              <a:gd name="connsiteY226" fmla="*/ 6397010 h 6857968"/>
              <a:gd name="connsiteX227" fmla="*/ 5403801 w 9497977"/>
              <a:gd name="connsiteY227" fmla="*/ 6325709 h 6857968"/>
              <a:gd name="connsiteX228" fmla="*/ 5189828 w 9497977"/>
              <a:gd name="connsiteY228" fmla="*/ 6325709 h 6857968"/>
              <a:gd name="connsiteX229" fmla="*/ 5189828 w 9497977"/>
              <a:gd name="connsiteY229" fmla="*/ 6397010 h 6857968"/>
              <a:gd name="connsiteX230" fmla="*/ 5261129 w 9497977"/>
              <a:gd name="connsiteY230" fmla="*/ 6397010 h 6857968"/>
              <a:gd name="connsiteX231" fmla="*/ 5261129 w 9497977"/>
              <a:gd name="connsiteY231" fmla="*/ 6325709 h 6857968"/>
              <a:gd name="connsiteX232" fmla="*/ 5047226 w 9497977"/>
              <a:gd name="connsiteY232" fmla="*/ 6325709 h 6857968"/>
              <a:gd name="connsiteX233" fmla="*/ 5047226 w 9497977"/>
              <a:gd name="connsiteY233" fmla="*/ 6397010 h 6857968"/>
              <a:gd name="connsiteX234" fmla="*/ 5118527 w 9497977"/>
              <a:gd name="connsiteY234" fmla="*/ 6397010 h 6857968"/>
              <a:gd name="connsiteX235" fmla="*/ 5118527 w 9497977"/>
              <a:gd name="connsiteY235" fmla="*/ 6325709 h 6857968"/>
              <a:gd name="connsiteX236" fmla="*/ 4904553 w 9497977"/>
              <a:gd name="connsiteY236" fmla="*/ 6325709 h 6857968"/>
              <a:gd name="connsiteX237" fmla="*/ 4904553 w 9497977"/>
              <a:gd name="connsiteY237" fmla="*/ 6397010 h 6857968"/>
              <a:gd name="connsiteX238" fmla="*/ 4975854 w 9497977"/>
              <a:gd name="connsiteY238" fmla="*/ 6397010 h 6857968"/>
              <a:gd name="connsiteX239" fmla="*/ 4975854 w 9497977"/>
              <a:gd name="connsiteY239" fmla="*/ 6325709 h 6857968"/>
              <a:gd name="connsiteX240" fmla="*/ 4761952 w 9497977"/>
              <a:gd name="connsiteY240" fmla="*/ 6325709 h 6857968"/>
              <a:gd name="connsiteX241" fmla="*/ 4761952 w 9497977"/>
              <a:gd name="connsiteY241" fmla="*/ 6397010 h 6857968"/>
              <a:gd name="connsiteX242" fmla="*/ 4833253 w 9497977"/>
              <a:gd name="connsiteY242" fmla="*/ 6397010 h 6857968"/>
              <a:gd name="connsiteX243" fmla="*/ 4833253 w 9497977"/>
              <a:gd name="connsiteY243" fmla="*/ 6325709 h 6857968"/>
              <a:gd name="connsiteX244" fmla="*/ 4619279 w 9497977"/>
              <a:gd name="connsiteY244" fmla="*/ 6325709 h 6857968"/>
              <a:gd name="connsiteX245" fmla="*/ 4619279 w 9497977"/>
              <a:gd name="connsiteY245" fmla="*/ 6397010 h 6857968"/>
              <a:gd name="connsiteX246" fmla="*/ 4690580 w 9497977"/>
              <a:gd name="connsiteY246" fmla="*/ 6397010 h 6857968"/>
              <a:gd name="connsiteX247" fmla="*/ 4690580 w 9497977"/>
              <a:gd name="connsiteY247" fmla="*/ 6325709 h 6857968"/>
              <a:gd name="connsiteX248" fmla="*/ 4476678 w 9497977"/>
              <a:gd name="connsiteY248" fmla="*/ 6325709 h 6857968"/>
              <a:gd name="connsiteX249" fmla="*/ 4476678 w 9497977"/>
              <a:gd name="connsiteY249" fmla="*/ 6397010 h 6857968"/>
              <a:gd name="connsiteX250" fmla="*/ 4547979 w 9497977"/>
              <a:gd name="connsiteY250" fmla="*/ 6397010 h 6857968"/>
              <a:gd name="connsiteX251" fmla="*/ 4547979 w 9497977"/>
              <a:gd name="connsiteY251" fmla="*/ 6325709 h 6857968"/>
              <a:gd name="connsiteX252" fmla="*/ 4334005 w 9497977"/>
              <a:gd name="connsiteY252" fmla="*/ 6325709 h 6857968"/>
              <a:gd name="connsiteX253" fmla="*/ 4334005 w 9497977"/>
              <a:gd name="connsiteY253" fmla="*/ 6397010 h 6857968"/>
              <a:gd name="connsiteX254" fmla="*/ 4405306 w 9497977"/>
              <a:gd name="connsiteY254" fmla="*/ 6397010 h 6857968"/>
              <a:gd name="connsiteX255" fmla="*/ 4405306 w 9497977"/>
              <a:gd name="connsiteY255" fmla="*/ 6325709 h 6857968"/>
              <a:gd name="connsiteX256" fmla="*/ 4191404 w 9497977"/>
              <a:gd name="connsiteY256" fmla="*/ 6325709 h 6857968"/>
              <a:gd name="connsiteX257" fmla="*/ 4191404 w 9497977"/>
              <a:gd name="connsiteY257" fmla="*/ 6397010 h 6857968"/>
              <a:gd name="connsiteX258" fmla="*/ 4262705 w 9497977"/>
              <a:gd name="connsiteY258" fmla="*/ 6397010 h 6857968"/>
              <a:gd name="connsiteX259" fmla="*/ 4262705 w 9497977"/>
              <a:gd name="connsiteY259" fmla="*/ 6325709 h 6857968"/>
              <a:gd name="connsiteX260" fmla="*/ 4048731 w 9497977"/>
              <a:gd name="connsiteY260" fmla="*/ 6325709 h 6857968"/>
              <a:gd name="connsiteX261" fmla="*/ 4048731 w 9497977"/>
              <a:gd name="connsiteY261" fmla="*/ 6397010 h 6857968"/>
              <a:gd name="connsiteX262" fmla="*/ 4120032 w 9497977"/>
              <a:gd name="connsiteY262" fmla="*/ 6397010 h 6857968"/>
              <a:gd name="connsiteX263" fmla="*/ 4120032 w 9497977"/>
              <a:gd name="connsiteY263" fmla="*/ 6325709 h 6857968"/>
              <a:gd name="connsiteX264" fmla="*/ 3906059 w 9497977"/>
              <a:gd name="connsiteY264" fmla="*/ 6325709 h 6857968"/>
              <a:gd name="connsiteX265" fmla="*/ 3906059 w 9497977"/>
              <a:gd name="connsiteY265" fmla="*/ 6397010 h 6857968"/>
              <a:gd name="connsiteX266" fmla="*/ 3977360 w 9497977"/>
              <a:gd name="connsiteY266" fmla="*/ 6397010 h 6857968"/>
              <a:gd name="connsiteX267" fmla="*/ 3977360 w 9497977"/>
              <a:gd name="connsiteY267" fmla="*/ 6325709 h 6857968"/>
              <a:gd name="connsiteX268" fmla="*/ 3763457 w 9497977"/>
              <a:gd name="connsiteY268" fmla="*/ 6325709 h 6857968"/>
              <a:gd name="connsiteX269" fmla="*/ 3763457 w 9497977"/>
              <a:gd name="connsiteY269" fmla="*/ 6397010 h 6857968"/>
              <a:gd name="connsiteX270" fmla="*/ 3834758 w 9497977"/>
              <a:gd name="connsiteY270" fmla="*/ 6397010 h 6857968"/>
              <a:gd name="connsiteX271" fmla="*/ 3834758 w 9497977"/>
              <a:gd name="connsiteY271" fmla="*/ 6325709 h 6857968"/>
              <a:gd name="connsiteX272" fmla="*/ 3620784 w 9497977"/>
              <a:gd name="connsiteY272" fmla="*/ 6325709 h 6857968"/>
              <a:gd name="connsiteX273" fmla="*/ 3620784 w 9497977"/>
              <a:gd name="connsiteY273" fmla="*/ 6397010 h 6857968"/>
              <a:gd name="connsiteX274" fmla="*/ 3692085 w 9497977"/>
              <a:gd name="connsiteY274" fmla="*/ 6397010 h 6857968"/>
              <a:gd name="connsiteX275" fmla="*/ 3692085 w 9497977"/>
              <a:gd name="connsiteY275" fmla="*/ 6325709 h 6857968"/>
              <a:gd name="connsiteX276" fmla="*/ 3478184 w 9497977"/>
              <a:gd name="connsiteY276" fmla="*/ 6325709 h 6857968"/>
              <a:gd name="connsiteX277" fmla="*/ 3478184 w 9497977"/>
              <a:gd name="connsiteY277" fmla="*/ 6397010 h 6857968"/>
              <a:gd name="connsiteX278" fmla="*/ 3549484 w 9497977"/>
              <a:gd name="connsiteY278" fmla="*/ 6397010 h 6857968"/>
              <a:gd name="connsiteX279" fmla="*/ 3549484 w 9497977"/>
              <a:gd name="connsiteY279" fmla="*/ 6325709 h 6857968"/>
              <a:gd name="connsiteX280" fmla="*/ 3335511 w 9497977"/>
              <a:gd name="connsiteY280" fmla="*/ 6325709 h 6857968"/>
              <a:gd name="connsiteX281" fmla="*/ 3335511 w 9497977"/>
              <a:gd name="connsiteY281" fmla="*/ 6397010 h 6857968"/>
              <a:gd name="connsiteX282" fmla="*/ 3406811 w 9497977"/>
              <a:gd name="connsiteY282" fmla="*/ 6397010 h 6857968"/>
              <a:gd name="connsiteX283" fmla="*/ 3406811 w 9497977"/>
              <a:gd name="connsiteY283" fmla="*/ 6325709 h 6857968"/>
              <a:gd name="connsiteX284" fmla="*/ 3192839 w 9497977"/>
              <a:gd name="connsiteY284" fmla="*/ 6325709 h 6857968"/>
              <a:gd name="connsiteX285" fmla="*/ 3192839 w 9497977"/>
              <a:gd name="connsiteY285" fmla="*/ 6397010 h 6857968"/>
              <a:gd name="connsiteX286" fmla="*/ 3264139 w 9497977"/>
              <a:gd name="connsiteY286" fmla="*/ 6397010 h 6857968"/>
              <a:gd name="connsiteX287" fmla="*/ 3264139 w 9497977"/>
              <a:gd name="connsiteY287" fmla="*/ 6325709 h 6857968"/>
              <a:gd name="connsiteX288" fmla="*/ 3050237 w 9497977"/>
              <a:gd name="connsiteY288" fmla="*/ 6325709 h 6857968"/>
              <a:gd name="connsiteX289" fmla="*/ 3050237 w 9497977"/>
              <a:gd name="connsiteY289" fmla="*/ 6397010 h 6857968"/>
              <a:gd name="connsiteX290" fmla="*/ 3121537 w 9497977"/>
              <a:gd name="connsiteY290" fmla="*/ 6397010 h 6857968"/>
              <a:gd name="connsiteX291" fmla="*/ 3121537 w 9497977"/>
              <a:gd name="connsiteY291" fmla="*/ 6325709 h 6857968"/>
              <a:gd name="connsiteX292" fmla="*/ 2907564 w 9497977"/>
              <a:gd name="connsiteY292" fmla="*/ 6325709 h 6857968"/>
              <a:gd name="connsiteX293" fmla="*/ 2907564 w 9497977"/>
              <a:gd name="connsiteY293" fmla="*/ 6397010 h 6857968"/>
              <a:gd name="connsiteX294" fmla="*/ 2978865 w 9497977"/>
              <a:gd name="connsiteY294" fmla="*/ 6397010 h 6857968"/>
              <a:gd name="connsiteX295" fmla="*/ 2978865 w 9497977"/>
              <a:gd name="connsiteY295" fmla="*/ 6325709 h 6857968"/>
              <a:gd name="connsiteX296" fmla="*/ 2764962 w 9497977"/>
              <a:gd name="connsiteY296" fmla="*/ 6325709 h 6857968"/>
              <a:gd name="connsiteX297" fmla="*/ 2764962 w 9497977"/>
              <a:gd name="connsiteY297" fmla="*/ 6397010 h 6857968"/>
              <a:gd name="connsiteX298" fmla="*/ 2836263 w 9497977"/>
              <a:gd name="connsiteY298" fmla="*/ 6397010 h 6857968"/>
              <a:gd name="connsiteX299" fmla="*/ 2836263 w 9497977"/>
              <a:gd name="connsiteY299" fmla="*/ 6325709 h 6857968"/>
              <a:gd name="connsiteX300" fmla="*/ 2622291 w 9497977"/>
              <a:gd name="connsiteY300" fmla="*/ 6325709 h 6857968"/>
              <a:gd name="connsiteX301" fmla="*/ 2622291 w 9497977"/>
              <a:gd name="connsiteY301" fmla="*/ 6397010 h 6857968"/>
              <a:gd name="connsiteX302" fmla="*/ 2693591 w 9497977"/>
              <a:gd name="connsiteY302" fmla="*/ 6397010 h 6857968"/>
              <a:gd name="connsiteX303" fmla="*/ 2693591 w 9497977"/>
              <a:gd name="connsiteY303" fmla="*/ 6325709 h 6857968"/>
              <a:gd name="connsiteX304" fmla="*/ 2479688 w 9497977"/>
              <a:gd name="connsiteY304" fmla="*/ 6325709 h 6857968"/>
              <a:gd name="connsiteX305" fmla="*/ 2479688 w 9497977"/>
              <a:gd name="connsiteY305" fmla="*/ 6397010 h 6857968"/>
              <a:gd name="connsiteX306" fmla="*/ 2550990 w 9497977"/>
              <a:gd name="connsiteY306" fmla="*/ 6397010 h 6857968"/>
              <a:gd name="connsiteX307" fmla="*/ 2550990 w 9497977"/>
              <a:gd name="connsiteY307" fmla="*/ 6325709 h 6857968"/>
              <a:gd name="connsiteX308" fmla="*/ 2337016 w 9497977"/>
              <a:gd name="connsiteY308" fmla="*/ 6325709 h 6857968"/>
              <a:gd name="connsiteX309" fmla="*/ 2337016 w 9497977"/>
              <a:gd name="connsiteY309" fmla="*/ 6397010 h 6857968"/>
              <a:gd name="connsiteX310" fmla="*/ 2408317 w 9497977"/>
              <a:gd name="connsiteY310" fmla="*/ 6397010 h 6857968"/>
              <a:gd name="connsiteX311" fmla="*/ 2408317 w 9497977"/>
              <a:gd name="connsiteY311" fmla="*/ 6325709 h 6857968"/>
              <a:gd name="connsiteX312" fmla="*/ 2195429 w 9497977"/>
              <a:gd name="connsiteY312" fmla="*/ 6325709 h 6857968"/>
              <a:gd name="connsiteX313" fmla="*/ 2195429 w 9497977"/>
              <a:gd name="connsiteY313" fmla="*/ 6397010 h 6857968"/>
              <a:gd name="connsiteX314" fmla="*/ 2266731 w 9497977"/>
              <a:gd name="connsiteY314" fmla="*/ 6397010 h 6857968"/>
              <a:gd name="connsiteX315" fmla="*/ 2266731 w 9497977"/>
              <a:gd name="connsiteY315" fmla="*/ 6325709 h 6857968"/>
              <a:gd name="connsiteX316" fmla="*/ 2052828 w 9497977"/>
              <a:gd name="connsiteY316" fmla="*/ 6325709 h 6857968"/>
              <a:gd name="connsiteX317" fmla="*/ 2052828 w 9497977"/>
              <a:gd name="connsiteY317" fmla="*/ 6397010 h 6857968"/>
              <a:gd name="connsiteX318" fmla="*/ 2124128 w 9497977"/>
              <a:gd name="connsiteY318" fmla="*/ 6397010 h 6857968"/>
              <a:gd name="connsiteX319" fmla="*/ 2124128 w 9497977"/>
              <a:gd name="connsiteY319" fmla="*/ 6325709 h 6857968"/>
              <a:gd name="connsiteX320" fmla="*/ 1910155 w 9497977"/>
              <a:gd name="connsiteY320" fmla="*/ 6325709 h 6857968"/>
              <a:gd name="connsiteX321" fmla="*/ 1910155 w 9497977"/>
              <a:gd name="connsiteY321" fmla="*/ 6397010 h 6857968"/>
              <a:gd name="connsiteX322" fmla="*/ 1981455 w 9497977"/>
              <a:gd name="connsiteY322" fmla="*/ 6397010 h 6857968"/>
              <a:gd name="connsiteX323" fmla="*/ 1981455 w 9497977"/>
              <a:gd name="connsiteY323" fmla="*/ 6325709 h 6857968"/>
              <a:gd name="connsiteX324" fmla="*/ 1767483 w 9497977"/>
              <a:gd name="connsiteY324" fmla="*/ 6325709 h 6857968"/>
              <a:gd name="connsiteX325" fmla="*/ 1767483 w 9497977"/>
              <a:gd name="connsiteY325" fmla="*/ 6397010 h 6857968"/>
              <a:gd name="connsiteX326" fmla="*/ 1838783 w 9497977"/>
              <a:gd name="connsiteY326" fmla="*/ 6397010 h 6857968"/>
              <a:gd name="connsiteX327" fmla="*/ 1838783 w 9497977"/>
              <a:gd name="connsiteY327" fmla="*/ 6325709 h 6857968"/>
              <a:gd name="connsiteX328" fmla="*/ 1624882 w 9497977"/>
              <a:gd name="connsiteY328" fmla="*/ 6325709 h 6857968"/>
              <a:gd name="connsiteX329" fmla="*/ 1624882 w 9497977"/>
              <a:gd name="connsiteY329" fmla="*/ 6397010 h 6857968"/>
              <a:gd name="connsiteX330" fmla="*/ 1696183 w 9497977"/>
              <a:gd name="connsiteY330" fmla="*/ 6397010 h 6857968"/>
              <a:gd name="connsiteX331" fmla="*/ 1696183 w 9497977"/>
              <a:gd name="connsiteY331" fmla="*/ 6325709 h 6857968"/>
              <a:gd name="connsiteX332" fmla="*/ 1482215 w 9497977"/>
              <a:gd name="connsiteY332" fmla="*/ 6325709 h 6857968"/>
              <a:gd name="connsiteX333" fmla="*/ 1482215 w 9497977"/>
              <a:gd name="connsiteY333" fmla="*/ 6397010 h 6857968"/>
              <a:gd name="connsiteX334" fmla="*/ 1553511 w 9497977"/>
              <a:gd name="connsiteY334" fmla="*/ 6397010 h 6857968"/>
              <a:gd name="connsiteX335" fmla="*/ 1553511 w 9497977"/>
              <a:gd name="connsiteY335" fmla="*/ 6325709 h 6857968"/>
              <a:gd name="connsiteX336" fmla="*/ 1339621 w 9497977"/>
              <a:gd name="connsiteY336" fmla="*/ 6325709 h 6857968"/>
              <a:gd name="connsiteX337" fmla="*/ 1339621 w 9497977"/>
              <a:gd name="connsiteY337" fmla="*/ 6397010 h 6857968"/>
              <a:gd name="connsiteX338" fmla="*/ 1410920 w 9497977"/>
              <a:gd name="connsiteY338" fmla="*/ 6397010 h 6857968"/>
              <a:gd name="connsiteX339" fmla="*/ 1410920 w 9497977"/>
              <a:gd name="connsiteY339" fmla="*/ 6325709 h 6857968"/>
              <a:gd name="connsiteX340" fmla="*/ 1196941 w 9497977"/>
              <a:gd name="connsiteY340" fmla="*/ 6325709 h 6857968"/>
              <a:gd name="connsiteX341" fmla="*/ 1196941 w 9497977"/>
              <a:gd name="connsiteY341" fmla="*/ 6397010 h 6857968"/>
              <a:gd name="connsiteX342" fmla="*/ 1268245 w 9497977"/>
              <a:gd name="connsiteY342" fmla="*/ 6397010 h 6857968"/>
              <a:gd name="connsiteX343" fmla="*/ 1268245 w 9497977"/>
              <a:gd name="connsiteY343" fmla="*/ 6325709 h 6857968"/>
              <a:gd name="connsiteX344" fmla="*/ 1054277 w 9497977"/>
              <a:gd name="connsiteY344" fmla="*/ 6325709 h 6857968"/>
              <a:gd name="connsiteX345" fmla="*/ 1054277 w 9497977"/>
              <a:gd name="connsiteY345" fmla="*/ 6397010 h 6857968"/>
              <a:gd name="connsiteX346" fmla="*/ 1125575 w 9497977"/>
              <a:gd name="connsiteY346" fmla="*/ 6397010 h 6857968"/>
              <a:gd name="connsiteX347" fmla="*/ 1125575 w 9497977"/>
              <a:gd name="connsiteY347" fmla="*/ 6325709 h 6857968"/>
              <a:gd name="connsiteX348" fmla="*/ 911663 w 9497977"/>
              <a:gd name="connsiteY348" fmla="*/ 6325709 h 6857968"/>
              <a:gd name="connsiteX349" fmla="*/ 911663 w 9497977"/>
              <a:gd name="connsiteY349" fmla="*/ 6397010 h 6857968"/>
              <a:gd name="connsiteX350" fmla="*/ 982964 w 9497977"/>
              <a:gd name="connsiteY350" fmla="*/ 6397010 h 6857968"/>
              <a:gd name="connsiteX351" fmla="*/ 982964 w 9497977"/>
              <a:gd name="connsiteY351" fmla="*/ 6325709 h 6857968"/>
              <a:gd name="connsiteX352" fmla="*/ 769001 w 9497977"/>
              <a:gd name="connsiteY352" fmla="*/ 6325709 h 6857968"/>
              <a:gd name="connsiteX353" fmla="*/ 769001 w 9497977"/>
              <a:gd name="connsiteY353" fmla="*/ 6397010 h 6857968"/>
              <a:gd name="connsiteX354" fmla="*/ 840299 w 9497977"/>
              <a:gd name="connsiteY354" fmla="*/ 6397010 h 6857968"/>
              <a:gd name="connsiteX355" fmla="*/ 840299 w 9497977"/>
              <a:gd name="connsiteY355" fmla="*/ 6325709 h 6857968"/>
              <a:gd name="connsiteX356" fmla="*/ 626392 w 9497977"/>
              <a:gd name="connsiteY356" fmla="*/ 6325709 h 6857968"/>
              <a:gd name="connsiteX357" fmla="*/ 626392 w 9497977"/>
              <a:gd name="connsiteY357" fmla="*/ 6397010 h 6857968"/>
              <a:gd name="connsiteX358" fmla="*/ 697691 w 9497977"/>
              <a:gd name="connsiteY358" fmla="*/ 6397010 h 6857968"/>
              <a:gd name="connsiteX359" fmla="*/ 697691 w 9497977"/>
              <a:gd name="connsiteY359" fmla="*/ 6325709 h 6857968"/>
              <a:gd name="connsiteX360" fmla="*/ 7044216 w 9497977"/>
              <a:gd name="connsiteY360" fmla="*/ 6183107 h 6857968"/>
              <a:gd name="connsiteX361" fmla="*/ 7044216 w 9497977"/>
              <a:gd name="connsiteY361" fmla="*/ 6254408 h 6857968"/>
              <a:gd name="connsiteX362" fmla="*/ 7115517 w 9497977"/>
              <a:gd name="connsiteY362" fmla="*/ 6254408 h 6857968"/>
              <a:gd name="connsiteX363" fmla="*/ 7115517 w 9497977"/>
              <a:gd name="connsiteY363" fmla="*/ 6183107 h 6857968"/>
              <a:gd name="connsiteX364" fmla="*/ 6901543 w 9497977"/>
              <a:gd name="connsiteY364" fmla="*/ 6183107 h 6857968"/>
              <a:gd name="connsiteX365" fmla="*/ 6901543 w 9497977"/>
              <a:gd name="connsiteY365" fmla="*/ 6254408 h 6857968"/>
              <a:gd name="connsiteX366" fmla="*/ 6972844 w 9497977"/>
              <a:gd name="connsiteY366" fmla="*/ 6254408 h 6857968"/>
              <a:gd name="connsiteX367" fmla="*/ 6972844 w 9497977"/>
              <a:gd name="connsiteY367" fmla="*/ 6183107 h 6857968"/>
              <a:gd name="connsiteX368" fmla="*/ 6758942 w 9497977"/>
              <a:gd name="connsiteY368" fmla="*/ 6183107 h 6857968"/>
              <a:gd name="connsiteX369" fmla="*/ 6758942 w 9497977"/>
              <a:gd name="connsiteY369" fmla="*/ 6254408 h 6857968"/>
              <a:gd name="connsiteX370" fmla="*/ 6830242 w 9497977"/>
              <a:gd name="connsiteY370" fmla="*/ 6254408 h 6857968"/>
              <a:gd name="connsiteX371" fmla="*/ 6830242 w 9497977"/>
              <a:gd name="connsiteY371" fmla="*/ 6183107 h 6857968"/>
              <a:gd name="connsiteX372" fmla="*/ 6616269 w 9497977"/>
              <a:gd name="connsiteY372" fmla="*/ 6183107 h 6857968"/>
              <a:gd name="connsiteX373" fmla="*/ 6616269 w 9497977"/>
              <a:gd name="connsiteY373" fmla="*/ 6254408 h 6857968"/>
              <a:gd name="connsiteX374" fmla="*/ 6687570 w 9497977"/>
              <a:gd name="connsiteY374" fmla="*/ 6254408 h 6857968"/>
              <a:gd name="connsiteX375" fmla="*/ 6687570 w 9497977"/>
              <a:gd name="connsiteY375" fmla="*/ 6183107 h 6857968"/>
              <a:gd name="connsiteX376" fmla="*/ 6473667 w 9497977"/>
              <a:gd name="connsiteY376" fmla="*/ 6183107 h 6857968"/>
              <a:gd name="connsiteX377" fmla="*/ 6473667 w 9497977"/>
              <a:gd name="connsiteY377" fmla="*/ 6254408 h 6857968"/>
              <a:gd name="connsiteX378" fmla="*/ 6544968 w 9497977"/>
              <a:gd name="connsiteY378" fmla="*/ 6254408 h 6857968"/>
              <a:gd name="connsiteX379" fmla="*/ 6544968 w 9497977"/>
              <a:gd name="connsiteY379" fmla="*/ 6183107 h 6857968"/>
              <a:gd name="connsiteX380" fmla="*/ 6330995 w 9497977"/>
              <a:gd name="connsiteY380" fmla="*/ 6183107 h 6857968"/>
              <a:gd name="connsiteX381" fmla="*/ 6330995 w 9497977"/>
              <a:gd name="connsiteY381" fmla="*/ 6254408 h 6857968"/>
              <a:gd name="connsiteX382" fmla="*/ 6402296 w 9497977"/>
              <a:gd name="connsiteY382" fmla="*/ 6254408 h 6857968"/>
              <a:gd name="connsiteX383" fmla="*/ 6402296 w 9497977"/>
              <a:gd name="connsiteY383" fmla="*/ 6183107 h 6857968"/>
              <a:gd name="connsiteX384" fmla="*/ 6188393 w 9497977"/>
              <a:gd name="connsiteY384" fmla="*/ 6183107 h 6857968"/>
              <a:gd name="connsiteX385" fmla="*/ 6188393 w 9497977"/>
              <a:gd name="connsiteY385" fmla="*/ 6254408 h 6857968"/>
              <a:gd name="connsiteX386" fmla="*/ 6259694 w 9497977"/>
              <a:gd name="connsiteY386" fmla="*/ 6254408 h 6857968"/>
              <a:gd name="connsiteX387" fmla="*/ 6259694 w 9497977"/>
              <a:gd name="connsiteY387" fmla="*/ 6183107 h 6857968"/>
              <a:gd name="connsiteX388" fmla="*/ 6045721 w 9497977"/>
              <a:gd name="connsiteY388" fmla="*/ 6183107 h 6857968"/>
              <a:gd name="connsiteX389" fmla="*/ 6045721 w 9497977"/>
              <a:gd name="connsiteY389" fmla="*/ 6254408 h 6857968"/>
              <a:gd name="connsiteX390" fmla="*/ 6117021 w 9497977"/>
              <a:gd name="connsiteY390" fmla="*/ 6254408 h 6857968"/>
              <a:gd name="connsiteX391" fmla="*/ 6117021 w 9497977"/>
              <a:gd name="connsiteY391" fmla="*/ 6183107 h 6857968"/>
              <a:gd name="connsiteX392" fmla="*/ 5903048 w 9497977"/>
              <a:gd name="connsiteY392" fmla="*/ 6183107 h 6857968"/>
              <a:gd name="connsiteX393" fmla="*/ 5903048 w 9497977"/>
              <a:gd name="connsiteY393" fmla="*/ 6254408 h 6857968"/>
              <a:gd name="connsiteX394" fmla="*/ 5974349 w 9497977"/>
              <a:gd name="connsiteY394" fmla="*/ 6254408 h 6857968"/>
              <a:gd name="connsiteX395" fmla="*/ 5974349 w 9497977"/>
              <a:gd name="connsiteY395" fmla="*/ 6183107 h 6857968"/>
              <a:gd name="connsiteX396" fmla="*/ 5760447 w 9497977"/>
              <a:gd name="connsiteY396" fmla="*/ 6183107 h 6857968"/>
              <a:gd name="connsiteX397" fmla="*/ 5760447 w 9497977"/>
              <a:gd name="connsiteY397" fmla="*/ 6254408 h 6857968"/>
              <a:gd name="connsiteX398" fmla="*/ 5831748 w 9497977"/>
              <a:gd name="connsiteY398" fmla="*/ 6254408 h 6857968"/>
              <a:gd name="connsiteX399" fmla="*/ 5831748 w 9497977"/>
              <a:gd name="connsiteY399" fmla="*/ 6183107 h 6857968"/>
              <a:gd name="connsiteX400" fmla="*/ 5617774 w 9497977"/>
              <a:gd name="connsiteY400" fmla="*/ 6183107 h 6857968"/>
              <a:gd name="connsiteX401" fmla="*/ 5617774 w 9497977"/>
              <a:gd name="connsiteY401" fmla="*/ 6254408 h 6857968"/>
              <a:gd name="connsiteX402" fmla="*/ 5689075 w 9497977"/>
              <a:gd name="connsiteY402" fmla="*/ 6254408 h 6857968"/>
              <a:gd name="connsiteX403" fmla="*/ 5689075 w 9497977"/>
              <a:gd name="connsiteY403" fmla="*/ 6183107 h 6857968"/>
              <a:gd name="connsiteX404" fmla="*/ 5475173 w 9497977"/>
              <a:gd name="connsiteY404" fmla="*/ 6183107 h 6857968"/>
              <a:gd name="connsiteX405" fmla="*/ 5475173 w 9497977"/>
              <a:gd name="connsiteY405" fmla="*/ 6254408 h 6857968"/>
              <a:gd name="connsiteX406" fmla="*/ 5546474 w 9497977"/>
              <a:gd name="connsiteY406" fmla="*/ 6254408 h 6857968"/>
              <a:gd name="connsiteX407" fmla="*/ 5546474 w 9497977"/>
              <a:gd name="connsiteY407" fmla="*/ 6183107 h 6857968"/>
              <a:gd name="connsiteX408" fmla="*/ 5332500 w 9497977"/>
              <a:gd name="connsiteY408" fmla="*/ 6183107 h 6857968"/>
              <a:gd name="connsiteX409" fmla="*/ 5332500 w 9497977"/>
              <a:gd name="connsiteY409" fmla="*/ 6254408 h 6857968"/>
              <a:gd name="connsiteX410" fmla="*/ 5403801 w 9497977"/>
              <a:gd name="connsiteY410" fmla="*/ 6254408 h 6857968"/>
              <a:gd name="connsiteX411" fmla="*/ 5403801 w 9497977"/>
              <a:gd name="connsiteY411" fmla="*/ 6183107 h 6857968"/>
              <a:gd name="connsiteX412" fmla="*/ 5189828 w 9497977"/>
              <a:gd name="connsiteY412" fmla="*/ 6183107 h 6857968"/>
              <a:gd name="connsiteX413" fmla="*/ 5189828 w 9497977"/>
              <a:gd name="connsiteY413" fmla="*/ 6254408 h 6857968"/>
              <a:gd name="connsiteX414" fmla="*/ 5261129 w 9497977"/>
              <a:gd name="connsiteY414" fmla="*/ 6254408 h 6857968"/>
              <a:gd name="connsiteX415" fmla="*/ 5261129 w 9497977"/>
              <a:gd name="connsiteY415" fmla="*/ 6183107 h 6857968"/>
              <a:gd name="connsiteX416" fmla="*/ 5047226 w 9497977"/>
              <a:gd name="connsiteY416" fmla="*/ 6183107 h 6857968"/>
              <a:gd name="connsiteX417" fmla="*/ 5047226 w 9497977"/>
              <a:gd name="connsiteY417" fmla="*/ 6254408 h 6857968"/>
              <a:gd name="connsiteX418" fmla="*/ 5118527 w 9497977"/>
              <a:gd name="connsiteY418" fmla="*/ 6254408 h 6857968"/>
              <a:gd name="connsiteX419" fmla="*/ 5118527 w 9497977"/>
              <a:gd name="connsiteY419" fmla="*/ 6183107 h 6857968"/>
              <a:gd name="connsiteX420" fmla="*/ 4904553 w 9497977"/>
              <a:gd name="connsiteY420" fmla="*/ 6183107 h 6857968"/>
              <a:gd name="connsiteX421" fmla="*/ 4904553 w 9497977"/>
              <a:gd name="connsiteY421" fmla="*/ 6254408 h 6857968"/>
              <a:gd name="connsiteX422" fmla="*/ 4975854 w 9497977"/>
              <a:gd name="connsiteY422" fmla="*/ 6254408 h 6857968"/>
              <a:gd name="connsiteX423" fmla="*/ 4975854 w 9497977"/>
              <a:gd name="connsiteY423" fmla="*/ 6183107 h 6857968"/>
              <a:gd name="connsiteX424" fmla="*/ 4761952 w 9497977"/>
              <a:gd name="connsiteY424" fmla="*/ 6183107 h 6857968"/>
              <a:gd name="connsiteX425" fmla="*/ 4761952 w 9497977"/>
              <a:gd name="connsiteY425" fmla="*/ 6254408 h 6857968"/>
              <a:gd name="connsiteX426" fmla="*/ 4833253 w 9497977"/>
              <a:gd name="connsiteY426" fmla="*/ 6254408 h 6857968"/>
              <a:gd name="connsiteX427" fmla="*/ 4833253 w 9497977"/>
              <a:gd name="connsiteY427" fmla="*/ 6183107 h 6857968"/>
              <a:gd name="connsiteX428" fmla="*/ 4619279 w 9497977"/>
              <a:gd name="connsiteY428" fmla="*/ 6183107 h 6857968"/>
              <a:gd name="connsiteX429" fmla="*/ 4619279 w 9497977"/>
              <a:gd name="connsiteY429" fmla="*/ 6254408 h 6857968"/>
              <a:gd name="connsiteX430" fmla="*/ 4690580 w 9497977"/>
              <a:gd name="connsiteY430" fmla="*/ 6254408 h 6857968"/>
              <a:gd name="connsiteX431" fmla="*/ 4690580 w 9497977"/>
              <a:gd name="connsiteY431" fmla="*/ 6183107 h 6857968"/>
              <a:gd name="connsiteX432" fmla="*/ 4476678 w 9497977"/>
              <a:gd name="connsiteY432" fmla="*/ 6183107 h 6857968"/>
              <a:gd name="connsiteX433" fmla="*/ 4476678 w 9497977"/>
              <a:gd name="connsiteY433" fmla="*/ 6254408 h 6857968"/>
              <a:gd name="connsiteX434" fmla="*/ 4547979 w 9497977"/>
              <a:gd name="connsiteY434" fmla="*/ 6254408 h 6857968"/>
              <a:gd name="connsiteX435" fmla="*/ 4547979 w 9497977"/>
              <a:gd name="connsiteY435" fmla="*/ 6183107 h 6857968"/>
              <a:gd name="connsiteX436" fmla="*/ 4334005 w 9497977"/>
              <a:gd name="connsiteY436" fmla="*/ 6183107 h 6857968"/>
              <a:gd name="connsiteX437" fmla="*/ 4334005 w 9497977"/>
              <a:gd name="connsiteY437" fmla="*/ 6254408 h 6857968"/>
              <a:gd name="connsiteX438" fmla="*/ 4405306 w 9497977"/>
              <a:gd name="connsiteY438" fmla="*/ 6254408 h 6857968"/>
              <a:gd name="connsiteX439" fmla="*/ 4405306 w 9497977"/>
              <a:gd name="connsiteY439" fmla="*/ 6183107 h 6857968"/>
              <a:gd name="connsiteX440" fmla="*/ 4191404 w 9497977"/>
              <a:gd name="connsiteY440" fmla="*/ 6183107 h 6857968"/>
              <a:gd name="connsiteX441" fmla="*/ 4191404 w 9497977"/>
              <a:gd name="connsiteY441" fmla="*/ 6254408 h 6857968"/>
              <a:gd name="connsiteX442" fmla="*/ 4262705 w 9497977"/>
              <a:gd name="connsiteY442" fmla="*/ 6254408 h 6857968"/>
              <a:gd name="connsiteX443" fmla="*/ 4262705 w 9497977"/>
              <a:gd name="connsiteY443" fmla="*/ 6183107 h 6857968"/>
              <a:gd name="connsiteX444" fmla="*/ 4048731 w 9497977"/>
              <a:gd name="connsiteY444" fmla="*/ 6183107 h 6857968"/>
              <a:gd name="connsiteX445" fmla="*/ 4048731 w 9497977"/>
              <a:gd name="connsiteY445" fmla="*/ 6254408 h 6857968"/>
              <a:gd name="connsiteX446" fmla="*/ 4120032 w 9497977"/>
              <a:gd name="connsiteY446" fmla="*/ 6254408 h 6857968"/>
              <a:gd name="connsiteX447" fmla="*/ 4120032 w 9497977"/>
              <a:gd name="connsiteY447" fmla="*/ 6183107 h 6857968"/>
              <a:gd name="connsiteX448" fmla="*/ 3906059 w 9497977"/>
              <a:gd name="connsiteY448" fmla="*/ 6183107 h 6857968"/>
              <a:gd name="connsiteX449" fmla="*/ 3906059 w 9497977"/>
              <a:gd name="connsiteY449" fmla="*/ 6254408 h 6857968"/>
              <a:gd name="connsiteX450" fmla="*/ 3977360 w 9497977"/>
              <a:gd name="connsiteY450" fmla="*/ 6254408 h 6857968"/>
              <a:gd name="connsiteX451" fmla="*/ 3977360 w 9497977"/>
              <a:gd name="connsiteY451" fmla="*/ 6183107 h 6857968"/>
              <a:gd name="connsiteX452" fmla="*/ 3763457 w 9497977"/>
              <a:gd name="connsiteY452" fmla="*/ 6183107 h 6857968"/>
              <a:gd name="connsiteX453" fmla="*/ 3763457 w 9497977"/>
              <a:gd name="connsiteY453" fmla="*/ 6254408 h 6857968"/>
              <a:gd name="connsiteX454" fmla="*/ 3834758 w 9497977"/>
              <a:gd name="connsiteY454" fmla="*/ 6254408 h 6857968"/>
              <a:gd name="connsiteX455" fmla="*/ 3834758 w 9497977"/>
              <a:gd name="connsiteY455" fmla="*/ 6183107 h 6857968"/>
              <a:gd name="connsiteX456" fmla="*/ 3620784 w 9497977"/>
              <a:gd name="connsiteY456" fmla="*/ 6183107 h 6857968"/>
              <a:gd name="connsiteX457" fmla="*/ 3620784 w 9497977"/>
              <a:gd name="connsiteY457" fmla="*/ 6254408 h 6857968"/>
              <a:gd name="connsiteX458" fmla="*/ 3692085 w 9497977"/>
              <a:gd name="connsiteY458" fmla="*/ 6254408 h 6857968"/>
              <a:gd name="connsiteX459" fmla="*/ 3692085 w 9497977"/>
              <a:gd name="connsiteY459" fmla="*/ 6183107 h 6857968"/>
              <a:gd name="connsiteX460" fmla="*/ 3478184 w 9497977"/>
              <a:gd name="connsiteY460" fmla="*/ 6183107 h 6857968"/>
              <a:gd name="connsiteX461" fmla="*/ 3478184 w 9497977"/>
              <a:gd name="connsiteY461" fmla="*/ 6254408 h 6857968"/>
              <a:gd name="connsiteX462" fmla="*/ 3549484 w 9497977"/>
              <a:gd name="connsiteY462" fmla="*/ 6254408 h 6857968"/>
              <a:gd name="connsiteX463" fmla="*/ 3549484 w 9497977"/>
              <a:gd name="connsiteY463" fmla="*/ 6183107 h 6857968"/>
              <a:gd name="connsiteX464" fmla="*/ 3335511 w 9497977"/>
              <a:gd name="connsiteY464" fmla="*/ 6183107 h 6857968"/>
              <a:gd name="connsiteX465" fmla="*/ 3335511 w 9497977"/>
              <a:gd name="connsiteY465" fmla="*/ 6254408 h 6857968"/>
              <a:gd name="connsiteX466" fmla="*/ 3406811 w 9497977"/>
              <a:gd name="connsiteY466" fmla="*/ 6254408 h 6857968"/>
              <a:gd name="connsiteX467" fmla="*/ 3406811 w 9497977"/>
              <a:gd name="connsiteY467" fmla="*/ 6183107 h 6857968"/>
              <a:gd name="connsiteX468" fmla="*/ 3192839 w 9497977"/>
              <a:gd name="connsiteY468" fmla="*/ 6183107 h 6857968"/>
              <a:gd name="connsiteX469" fmla="*/ 3192839 w 9497977"/>
              <a:gd name="connsiteY469" fmla="*/ 6254408 h 6857968"/>
              <a:gd name="connsiteX470" fmla="*/ 3264139 w 9497977"/>
              <a:gd name="connsiteY470" fmla="*/ 6254408 h 6857968"/>
              <a:gd name="connsiteX471" fmla="*/ 3264139 w 9497977"/>
              <a:gd name="connsiteY471" fmla="*/ 6183107 h 6857968"/>
              <a:gd name="connsiteX472" fmla="*/ 3050237 w 9497977"/>
              <a:gd name="connsiteY472" fmla="*/ 6183107 h 6857968"/>
              <a:gd name="connsiteX473" fmla="*/ 3050237 w 9497977"/>
              <a:gd name="connsiteY473" fmla="*/ 6254408 h 6857968"/>
              <a:gd name="connsiteX474" fmla="*/ 3121537 w 9497977"/>
              <a:gd name="connsiteY474" fmla="*/ 6254408 h 6857968"/>
              <a:gd name="connsiteX475" fmla="*/ 3121537 w 9497977"/>
              <a:gd name="connsiteY475" fmla="*/ 6183107 h 6857968"/>
              <a:gd name="connsiteX476" fmla="*/ 2907564 w 9497977"/>
              <a:gd name="connsiteY476" fmla="*/ 6183107 h 6857968"/>
              <a:gd name="connsiteX477" fmla="*/ 2907564 w 9497977"/>
              <a:gd name="connsiteY477" fmla="*/ 6254408 h 6857968"/>
              <a:gd name="connsiteX478" fmla="*/ 2978865 w 9497977"/>
              <a:gd name="connsiteY478" fmla="*/ 6254408 h 6857968"/>
              <a:gd name="connsiteX479" fmla="*/ 2978865 w 9497977"/>
              <a:gd name="connsiteY479" fmla="*/ 6183107 h 6857968"/>
              <a:gd name="connsiteX480" fmla="*/ 2764962 w 9497977"/>
              <a:gd name="connsiteY480" fmla="*/ 6183107 h 6857968"/>
              <a:gd name="connsiteX481" fmla="*/ 2764962 w 9497977"/>
              <a:gd name="connsiteY481" fmla="*/ 6254408 h 6857968"/>
              <a:gd name="connsiteX482" fmla="*/ 2836263 w 9497977"/>
              <a:gd name="connsiteY482" fmla="*/ 6254408 h 6857968"/>
              <a:gd name="connsiteX483" fmla="*/ 2836263 w 9497977"/>
              <a:gd name="connsiteY483" fmla="*/ 6183107 h 6857968"/>
              <a:gd name="connsiteX484" fmla="*/ 2622291 w 9497977"/>
              <a:gd name="connsiteY484" fmla="*/ 6183107 h 6857968"/>
              <a:gd name="connsiteX485" fmla="*/ 2622291 w 9497977"/>
              <a:gd name="connsiteY485" fmla="*/ 6254408 h 6857968"/>
              <a:gd name="connsiteX486" fmla="*/ 2693591 w 9497977"/>
              <a:gd name="connsiteY486" fmla="*/ 6254408 h 6857968"/>
              <a:gd name="connsiteX487" fmla="*/ 2693591 w 9497977"/>
              <a:gd name="connsiteY487" fmla="*/ 6183107 h 6857968"/>
              <a:gd name="connsiteX488" fmla="*/ 2479688 w 9497977"/>
              <a:gd name="connsiteY488" fmla="*/ 6183107 h 6857968"/>
              <a:gd name="connsiteX489" fmla="*/ 2479688 w 9497977"/>
              <a:gd name="connsiteY489" fmla="*/ 6254408 h 6857968"/>
              <a:gd name="connsiteX490" fmla="*/ 2550990 w 9497977"/>
              <a:gd name="connsiteY490" fmla="*/ 6254408 h 6857968"/>
              <a:gd name="connsiteX491" fmla="*/ 2550990 w 9497977"/>
              <a:gd name="connsiteY491" fmla="*/ 6183107 h 6857968"/>
              <a:gd name="connsiteX492" fmla="*/ 2337016 w 9497977"/>
              <a:gd name="connsiteY492" fmla="*/ 6183107 h 6857968"/>
              <a:gd name="connsiteX493" fmla="*/ 2337016 w 9497977"/>
              <a:gd name="connsiteY493" fmla="*/ 6254408 h 6857968"/>
              <a:gd name="connsiteX494" fmla="*/ 2408317 w 9497977"/>
              <a:gd name="connsiteY494" fmla="*/ 6254408 h 6857968"/>
              <a:gd name="connsiteX495" fmla="*/ 2408317 w 9497977"/>
              <a:gd name="connsiteY495" fmla="*/ 6183107 h 6857968"/>
              <a:gd name="connsiteX496" fmla="*/ 2195429 w 9497977"/>
              <a:gd name="connsiteY496" fmla="*/ 6183107 h 6857968"/>
              <a:gd name="connsiteX497" fmla="*/ 2195429 w 9497977"/>
              <a:gd name="connsiteY497" fmla="*/ 6254408 h 6857968"/>
              <a:gd name="connsiteX498" fmla="*/ 2266731 w 9497977"/>
              <a:gd name="connsiteY498" fmla="*/ 6254408 h 6857968"/>
              <a:gd name="connsiteX499" fmla="*/ 2266731 w 9497977"/>
              <a:gd name="connsiteY499" fmla="*/ 6183107 h 6857968"/>
              <a:gd name="connsiteX500" fmla="*/ 2052828 w 9497977"/>
              <a:gd name="connsiteY500" fmla="*/ 6183107 h 6857968"/>
              <a:gd name="connsiteX501" fmla="*/ 2052828 w 9497977"/>
              <a:gd name="connsiteY501" fmla="*/ 6254408 h 6857968"/>
              <a:gd name="connsiteX502" fmla="*/ 2124128 w 9497977"/>
              <a:gd name="connsiteY502" fmla="*/ 6254408 h 6857968"/>
              <a:gd name="connsiteX503" fmla="*/ 2124128 w 9497977"/>
              <a:gd name="connsiteY503" fmla="*/ 6183107 h 6857968"/>
              <a:gd name="connsiteX504" fmla="*/ 1910155 w 9497977"/>
              <a:gd name="connsiteY504" fmla="*/ 6183107 h 6857968"/>
              <a:gd name="connsiteX505" fmla="*/ 1910155 w 9497977"/>
              <a:gd name="connsiteY505" fmla="*/ 6254408 h 6857968"/>
              <a:gd name="connsiteX506" fmla="*/ 1981455 w 9497977"/>
              <a:gd name="connsiteY506" fmla="*/ 6254408 h 6857968"/>
              <a:gd name="connsiteX507" fmla="*/ 1981455 w 9497977"/>
              <a:gd name="connsiteY507" fmla="*/ 6183107 h 6857968"/>
              <a:gd name="connsiteX508" fmla="*/ 1767483 w 9497977"/>
              <a:gd name="connsiteY508" fmla="*/ 6183107 h 6857968"/>
              <a:gd name="connsiteX509" fmla="*/ 1767483 w 9497977"/>
              <a:gd name="connsiteY509" fmla="*/ 6254408 h 6857968"/>
              <a:gd name="connsiteX510" fmla="*/ 1838783 w 9497977"/>
              <a:gd name="connsiteY510" fmla="*/ 6254408 h 6857968"/>
              <a:gd name="connsiteX511" fmla="*/ 1838783 w 9497977"/>
              <a:gd name="connsiteY511" fmla="*/ 6183107 h 6857968"/>
              <a:gd name="connsiteX512" fmla="*/ 1624882 w 9497977"/>
              <a:gd name="connsiteY512" fmla="*/ 6183107 h 6857968"/>
              <a:gd name="connsiteX513" fmla="*/ 1624882 w 9497977"/>
              <a:gd name="connsiteY513" fmla="*/ 6254408 h 6857968"/>
              <a:gd name="connsiteX514" fmla="*/ 1696183 w 9497977"/>
              <a:gd name="connsiteY514" fmla="*/ 6254408 h 6857968"/>
              <a:gd name="connsiteX515" fmla="*/ 1696183 w 9497977"/>
              <a:gd name="connsiteY515" fmla="*/ 6183107 h 6857968"/>
              <a:gd name="connsiteX516" fmla="*/ 1482215 w 9497977"/>
              <a:gd name="connsiteY516" fmla="*/ 6183107 h 6857968"/>
              <a:gd name="connsiteX517" fmla="*/ 1482215 w 9497977"/>
              <a:gd name="connsiteY517" fmla="*/ 6254408 h 6857968"/>
              <a:gd name="connsiteX518" fmla="*/ 1553511 w 9497977"/>
              <a:gd name="connsiteY518" fmla="*/ 6254408 h 6857968"/>
              <a:gd name="connsiteX519" fmla="*/ 1553511 w 9497977"/>
              <a:gd name="connsiteY519" fmla="*/ 6183107 h 6857968"/>
              <a:gd name="connsiteX520" fmla="*/ 1339621 w 9497977"/>
              <a:gd name="connsiteY520" fmla="*/ 6183107 h 6857968"/>
              <a:gd name="connsiteX521" fmla="*/ 1339621 w 9497977"/>
              <a:gd name="connsiteY521" fmla="*/ 6254408 h 6857968"/>
              <a:gd name="connsiteX522" fmla="*/ 1410920 w 9497977"/>
              <a:gd name="connsiteY522" fmla="*/ 6254408 h 6857968"/>
              <a:gd name="connsiteX523" fmla="*/ 1410920 w 9497977"/>
              <a:gd name="connsiteY523" fmla="*/ 6183107 h 6857968"/>
              <a:gd name="connsiteX524" fmla="*/ 1196948 w 9497977"/>
              <a:gd name="connsiteY524" fmla="*/ 6183107 h 6857968"/>
              <a:gd name="connsiteX525" fmla="*/ 1196948 w 9497977"/>
              <a:gd name="connsiteY525" fmla="*/ 6254408 h 6857968"/>
              <a:gd name="connsiteX526" fmla="*/ 1268245 w 9497977"/>
              <a:gd name="connsiteY526" fmla="*/ 6254408 h 6857968"/>
              <a:gd name="connsiteX527" fmla="*/ 1268245 w 9497977"/>
              <a:gd name="connsiteY527" fmla="*/ 6183107 h 6857968"/>
              <a:gd name="connsiteX528" fmla="*/ 1054277 w 9497977"/>
              <a:gd name="connsiteY528" fmla="*/ 6183107 h 6857968"/>
              <a:gd name="connsiteX529" fmla="*/ 1054277 w 9497977"/>
              <a:gd name="connsiteY529" fmla="*/ 6254408 h 6857968"/>
              <a:gd name="connsiteX530" fmla="*/ 1125575 w 9497977"/>
              <a:gd name="connsiteY530" fmla="*/ 6254408 h 6857968"/>
              <a:gd name="connsiteX531" fmla="*/ 1125575 w 9497977"/>
              <a:gd name="connsiteY531" fmla="*/ 6183107 h 6857968"/>
              <a:gd name="connsiteX532" fmla="*/ 911663 w 9497977"/>
              <a:gd name="connsiteY532" fmla="*/ 6183107 h 6857968"/>
              <a:gd name="connsiteX533" fmla="*/ 911663 w 9497977"/>
              <a:gd name="connsiteY533" fmla="*/ 6254408 h 6857968"/>
              <a:gd name="connsiteX534" fmla="*/ 982964 w 9497977"/>
              <a:gd name="connsiteY534" fmla="*/ 6254408 h 6857968"/>
              <a:gd name="connsiteX535" fmla="*/ 982964 w 9497977"/>
              <a:gd name="connsiteY535" fmla="*/ 6183107 h 6857968"/>
              <a:gd name="connsiteX536" fmla="*/ 769001 w 9497977"/>
              <a:gd name="connsiteY536" fmla="*/ 6183107 h 6857968"/>
              <a:gd name="connsiteX537" fmla="*/ 769001 w 9497977"/>
              <a:gd name="connsiteY537" fmla="*/ 6254408 h 6857968"/>
              <a:gd name="connsiteX538" fmla="*/ 840299 w 9497977"/>
              <a:gd name="connsiteY538" fmla="*/ 6254408 h 6857968"/>
              <a:gd name="connsiteX539" fmla="*/ 840299 w 9497977"/>
              <a:gd name="connsiteY539" fmla="*/ 6183107 h 6857968"/>
              <a:gd name="connsiteX540" fmla="*/ 7329490 w 9497977"/>
              <a:gd name="connsiteY540" fmla="*/ 6040435 h 6857968"/>
              <a:gd name="connsiteX541" fmla="*/ 7329490 w 9497977"/>
              <a:gd name="connsiteY541" fmla="*/ 6111736 h 6857968"/>
              <a:gd name="connsiteX542" fmla="*/ 7400791 w 9497977"/>
              <a:gd name="connsiteY542" fmla="*/ 6111736 h 6857968"/>
              <a:gd name="connsiteX543" fmla="*/ 7400791 w 9497977"/>
              <a:gd name="connsiteY543" fmla="*/ 6040435 h 6857968"/>
              <a:gd name="connsiteX544" fmla="*/ 7186888 w 9497977"/>
              <a:gd name="connsiteY544" fmla="*/ 6040435 h 6857968"/>
              <a:gd name="connsiteX545" fmla="*/ 7186888 w 9497977"/>
              <a:gd name="connsiteY545" fmla="*/ 6111736 h 6857968"/>
              <a:gd name="connsiteX546" fmla="*/ 7258188 w 9497977"/>
              <a:gd name="connsiteY546" fmla="*/ 6111736 h 6857968"/>
              <a:gd name="connsiteX547" fmla="*/ 7258188 w 9497977"/>
              <a:gd name="connsiteY547" fmla="*/ 6040435 h 6857968"/>
              <a:gd name="connsiteX548" fmla="*/ 7044216 w 9497977"/>
              <a:gd name="connsiteY548" fmla="*/ 6040435 h 6857968"/>
              <a:gd name="connsiteX549" fmla="*/ 7044216 w 9497977"/>
              <a:gd name="connsiteY549" fmla="*/ 6111736 h 6857968"/>
              <a:gd name="connsiteX550" fmla="*/ 7115517 w 9497977"/>
              <a:gd name="connsiteY550" fmla="*/ 6111736 h 6857968"/>
              <a:gd name="connsiteX551" fmla="*/ 7115517 w 9497977"/>
              <a:gd name="connsiteY551" fmla="*/ 6040435 h 6857968"/>
              <a:gd name="connsiteX552" fmla="*/ 6901543 w 9497977"/>
              <a:gd name="connsiteY552" fmla="*/ 6040435 h 6857968"/>
              <a:gd name="connsiteX553" fmla="*/ 6901543 w 9497977"/>
              <a:gd name="connsiteY553" fmla="*/ 6111736 h 6857968"/>
              <a:gd name="connsiteX554" fmla="*/ 6972844 w 9497977"/>
              <a:gd name="connsiteY554" fmla="*/ 6111736 h 6857968"/>
              <a:gd name="connsiteX555" fmla="*/ 6972844 w 9497977"/>
              <a:gd name="connsiteY555" fmla="*/ 6040435 h 6857968"/>
              <a:gd name="connsiteX556" fmla="*/ 6758942 w 9497977"/>
              <a:gd name="connsiteY556" fmla="*/ 6040435 h 6857968"/>
              <a:gd name="connsiteX557" fmla="*/ 6758942 w 9497977"/>
              <a:gd name="connsiteY557" fmla="*/ 6111736 h 6857968"/>
              <a:gd name="connsiteX558" fmla="*/ 6830242 w 9497977"/>
              <a:gd name="connsiteY558" fmla="*/ 6111736 h 6857968"/>
              <a:gd name="connsiteX559" fmla="*/ 6830242 w 9497977"/>
              <a:gd name="connsiteY559" fmla="*/ 6040435 h 6857968"/>
              <a:gd name="connsiteX560" fmla="*/ 6616269 w 9497977"/>
              <a:gd name="connsiteY560" fmla="*/ 6040435 h 6857968"/>
              <a:gd name="connsiteX561" fmla="*/ 6616269 w 9497977"/>
              <a:gd name="connsiteY561" fmla="*/ 6111736 h 6857968"/>
              <a:gd name="connsiteX562" fmla="*/ 6687570 w 9497977"/>
              <a:gd name="connsiteY562" fmla="*/ 6111736 h 6857968"/>
              <a:gd name="connsiteX563" fmla="*/ 6687570 w 9497977"/>
              <a:gd name="connsiteY563" fmla="*/ 6040435 h 6857968"/>
              <a:gd name="connsiteX564" fmla="*/ 6473667 w 9497977"/>
              <a:gd name="connsiteY564" fmla="*/ 6040435 h 6857968"/>
              <a:gd name="connsiteX565" fmla="*/ 6473667 w 9497977"/>
              <a:gd name="connsiteY565" fmla="*/ 6111736 h 6857968"/>
              <a:gd name="connsiteX566" fmla="*/ 6544968 w 9497977"/>
              <a:gd name="connsiteY566" fmla="*/ 6111736 h 6857968"/>
              <a:gd name="connsiteX567" fmla="*/ 6544968 w 9497977"/>
              <a:gd name="connsiteY567" fmla="*/ 6040435 h 6857968"/>
              <a:gd name="connsiteX568" fmla="*/ 6330995 w 9497977"/>
              <a:gd name="connsiteY568" fmla="*/ 6040435 h 6857968"/>
              <a:gd name="connsiteX569" fmla="*/ 6330995 w 9497977"/>
              <a:gd name="connsiteY569" fmla="*/ 6111736 h 6857968"/>
              <a:gd name="connsiteX570" fmla="*/ 6402296 w 9497977"/>
              <a:gd name="connsiteY570" fmla="*/ 6111736 h 6857968"/>
              <a:gd name="connsiteX571" fmla="*/ 6402296 w 9497977"/>
              <a:gd name="connsiteY571" fmla="*/ 6040435 h 6857968"/>
              <a:gd name="connsiteX572" fmla="*/ 6188393 w 9497977"/>
              <a:gd name="connsiteY572" fmla="*/ 6040435 h 6857968"/>
              <a:gd name="connsiteX573" fmla="*/ 6188393 w 9497977"/>
              <a:gd name="connsiteY573" fmla="*/ 6111736 h 6857968"/>
              <a:gd name="connsiteX574" fmla="*/ 6259694 w 9497977"/>
              <a:gd name="connsiteY574" fmla="*/ 6111736 h 6857968"/>
              <a:gd name="connsiteX575" fmla="*/ 6259694 w 9497977"/>
              <a:gd name="connsiteY575" fmla="*/ 6040435 h 6857968"/>
              <a:gd name="connsiteX576" fmla="*/ 6045721 w 9497977"/>
              <a:gd name="connsiteY576" fmla="*/ 6040435 h 6857968"/>
              <a:gd name="connsiteX577" fmla="*/ 6045721 w 9497977"/>
              <a:gd name="connsiteY577" fmla="*/ 6111736 h 6857968"/>
              <a:gd name="connsiteX578" fmla="*/ 6117021 w 9497977"/>
              <a:gd name="connsiteY578" fmla="*/ 6111736 h 6857968"/>
              <a:gd name="connsiteX579" fmla="*/ 6117021 w 9497977"/>
              <a:gd name="connsiteY579" fmla="*/ 6040435 h 6857968"/>
              <a:gd name="connsiteX580" fmla="*/ 5903048 w 9497977"/>
              <a:gd name="connsiteY580" fmla="*/ 6040435 h 6857968"/>
              <a:gd name="connsiteX581" fmla="*/ 5903048 w 9497977"/>
              <a:gd name="connsiteY581" fmla="*/ 6111736 h 6857968"/>
              <a:gd name="connsiteX582" fmla="*/ 5974349 w 9497977"/>
              <a:gd name="connsiteY582" fmla="*/ 6111736 h 6857968"/>
              <a:gd name="connsiteX583" fmla="*/ 5974349 w 9497977"/>
              <a:gd name="connsiteY583" fmla="*/ 6040435 h 6857968"/>
              <a:gd name="connsiteX584" fmla="*/ 5760447 w 9497977"/>
              <a:gd name="connsiteY584" fmla="*/ 6040435 h 6857968"/>
              <a:gd name="connsiteX585" fmla="*/ 5760447 w 9497977"/>
              <a:gd name="connsiteY585" fmla="*/ 6111736 h 6857968"/>
              <a:gd name="connsiteX586" fmla="*/ 5831748 w 9497977"/>
              <a:gd name="connsiteY586" fmla="*/ 6111736 h 6857968"/>
              <a:gd name="connsiteX587" fmla="*/ 5831748 w 9497977"/>
              <a:gd name="connsiteY587" fmla="*/ 6040435 h 6857968"/>
              <a:gd name="connsiteX588" fmla="*/ 5617774 w 9497977"/>
              <a:gd name="connsiteY588" fmla="*/ 6040435 h 6857968"/>
              <a:gd name="connsiteX589" fmla="*/ 5617774 w 9497977"/>
              <a:gd name="connsiteY589" fmla="*/ 6111736 h 6857968"/>
              <a:gd name="connsiteX590" fmla="*/ 5689075 w 9497977"/>
              <a:gd name="connsiteY590" fmla="*/ 6111736 h 6857968"/>
              <a:gd name="connsiteX591" fmla="*/ 5689075 w 9497977"/>
              <a:gd name="connsiteY591" fmla="*/ 6040435 h 6857968"/>
              <a:gd name="connsiteX592" fmla="*/ 5475173 w 9497977"/>
              <a:gd name="connsiteY592" fmla="*/ 6040435 h 6857968"/>
              <a:gd name="connsiteX593" fmla="*/ 5475173 w 9497977"/>
              <a:gd name="connsiteY593" fmla="*/ 6111736 h 6857968"/>
              <a:gd name="connsiteX594" fmla="*/ 5546474 w 9497977"/>
              <a:gd name="connsiteY594" fmla="*/ 6111736 h 6857968"/>
              <a:gd name="connsiteX595" fmla="*/ 5546474 w 9497977"/>
              <a:gd name="connsiteY595" fmla="*/ 6040435 h 6857968"/>
              <a:gd name="connsiteX596" fmla="*/ 5332500 w 9497977"/>
              <a:gd name="connsiteY596" fmla="*/ 6040435 h 6857968"/>
              <a:gd name="connsiteX597" fmla="*/ 5332500 w 9497977"/>
              <a:gd name="connsiteY597" fmla="*/ 6111736 h 6857968"/>
              <a:gd name="connsiteX598" fmla="*/ 5403801 w 9497977"/>
              <a:gd name="connsiteY598" fmla="*/ 6111736 h 6857968"/>
              <a:gd name="connsiteX599" fmla="*/ 5403801 w 9497977"/>
              <a:gd name="connsiteY599" fmla="*/ 6040435 h 6857968"/>
              <a:gd name="connsiteX600" fmla="*/ 5189828 w 9497977"/>
              <a:gd name="connsiteY600" fmla="*/ 6040435 h 6857968"/>
              <a:gd name="connsiteX601" fmla="*/ 5189828 w 9497977"/>
              <a:gd name="connsiteY601" fmla="*/ 6111736 h 6857968"/>
              <a:gd name="connsiteX602" fmla="*/ 5261129 w 9497977"/>
              <a:gd name="connsiteY602" fmla="*/ 6111736 h 6857968"/>
              <a:gd name="connsiteX603" fmla="*/ 5261129 w 9497977"/>
              <a:gd name="connsiteY603" fmla="*/ 6040435 h 6857968"/>
              <a:gd name="connsiteX604" fmla="*/ 5047226 w 9497977"/>
              <a:gd name="connsiteY604" fmla="*/ 6040435 h 6857968"/>
              <a:gd name="connsiteX605" fmla="*/ 5047226 w 9497977"/>
              <a:gd name="connsiteY605" fmla="*/ 6111736 h 6857968"/>
              <a:gd name="connsiteX606" fmla="*/ 5118527 w 9497977"/>
              <a:gd name="connsiteY606" fmla="*/ 6111736 h 6857968"/>
              <a:gd name="connsiteX607" fmla="*/ 5118527 w 9497977"/>
              <a:gd name="connsiteY607" fmla="*/ 6040435 h 6857968"/>
              <a:gd name="connsiteX608" fmla="*/ 4904553 w 9497977"/>
              <a:gd name="connsiteY608" fmla="*/ 6040435 h 6857968"/>
              <a:gd name="connsiteX609" fmla="*/ 4904553 w 9497977"/>
              <a:gd name="connsiteY609" fmla="*/ 6111736 h 6857968"/>
              <a:gd name="connsiteX610" fmla="*/ 4975854 w 9497977"/>
              <a:gd name="connsiteY610" fmla="*/ 6111736 h 6857968"/>
              <a:gd name="connsiteX611" fmla="*/ 4975854 w 9497977"/>
              <a:gd name="connsiteY611" fmla="*/ 6040435 h 6857968"/>
              <a:gd name="connsiteX612" fmla="*/ 4761952 w 9497977"/>
              <a:gd name="connsiteY612" fmla="*/ 6040435 h 6857968"/>
              <a:gd name="connsiteX613" fmla="*/ 4761952 w 9497977"/>
              <a:gd name="connsiteY613" fmla="*/ 6111736 h 6857968"/>
              <a:gd name="connsiteX614" fmla="*/ 4833253 w 9497977"/>
              <a:gd name="connsiteY614" fmla="*/ 6111736 h 6857968"/>
              <a:gd name="connsiteX615" fmla="*/ 4833253 w 9497977"/>
              <a:gd name="connsiteY615" fmla="*/ 6040435 h 6857968"/>
              <a:gd name="connsiteX616" fmla="*/ 4619279 w 9497977"/>
              <a:gd name="connsiteY616" fmla="*/ 6040435 h 6857968"/>
              <a:gd name="connsiteX617" fmla="*/ 4619279 w 9497977"/>
              <a:gd name="connsiteY617" fmla="*/ 6111736 h 6857968"/>
              <a:gd name="connsiteX618" fmla="*/ 4690580 w 9497977"/>
              <a:gd name="connsiteY618" fmla="*/ 6111736 h 6857968"/>
              <a:gd name="connsiteX619" fmla="*/ 4690580 w 9497977"/>
              <a:gd name="connsiteY619" fmla="*/ 6040435 h 6857968"/>
              <a:gd name="connsiteX620" fmla="*/ 4476678 w 9497977"/>
              <a:gd name="connsiteY620" fmla="*/ 6040435 h 6857968"/>
              <a:gd name="connsiteX621" fmla="*/ 4476678 w 9497977"/>
              <a:gd name="connsiteY621" fmla="*/ 6111736 h 6857968"/>
              <a:gd name="connsiteX622" fmla="*/ 4547979 w 9497977"/>
              <a:gd name="connsiteY622" fmla="*/ 6111736 h 6857968"/>
              <a:gd name="connsiteX623" fmla="*/ 4547979 w 9497977"/>
              <a:gd name="connsiteY623" fmla="*/ 6040435 h 6857968"/>
              <a:gd name="connsiteX624" fmla="*/ 4334005 w 9497977"/>
              <a:gd name="connsiteY624" fmla="*/ 6040435 h 6857968"/>
              <a:gd name="connsiteX625" fmla="*/ 4334005 w 9497977"/>
              <a:gd name="connsiteY625" fmla="*/ 6111736 h 6857968"/>
              <a:gd name="connsiteX626" fmla="*/ 4405306 w 9497977"/>
              <a:gd name="connsiteY626" fmla="*/ 6111736 h 6857968"/>
              <a:gd name="connsiteX627" fmla="*/ 4405306 w 9497977"/>
              <a:gd name="connsiteY627" fmla="*/ 6040435 h 6857968"/>
              <a:gd name="connsiteX628" fmla="*/ 4191404 w 9497977"/>
              <a:gd name="connsiteY628" fmla="*/ 6040435 h 6857968"/>
              <a:gd name="connsiteX629" fmla="*/ 4191404 w 9497977"/>
              <a:gd name="connsiteY629" fmla="*/ 6111736 h 6857968"/>
              <a:gd name="connsiteX630" fmla="*/ 4262705 w 9497977"/>
              <a:gd name="connsiteY630" fmla="*/ 6111736 h 6857968"/>
              <a:gd name="connsiteX631" fmla="*/ 4262705 w 9497977"/>
              <a:gd name="connsiteY631" fmla="*/ 6040435 h 6857968"/>
              <a:gd name="connsiteX632" fmla="*/ 4048731 w 9497977"/>
              <a:gd name="connsiteY632" fmla="*/ 6040435 h 6857968"/>
              <a:gd name="connsiteX633" fmla="*/ 4048731 w 9497977"/>
              <a:gd name="connsiteY633" fmla="*/ 6111736 h 6857968"/>
              <a:gd name="connsiteX634" fmla="*/ 4120032 w 9497977"/>
              <a:gd name="connsiteY634" fmla="*/ 6111736 h 6857968"/>
              <a:gd name="connsiteX635" fmla="*/ 4120032 w 9497977"/>
              <a:gd name="connsiteY635" fmla="*/ 6040435 h 6857968"/>
              <a:gd name="connsiteX636" fmla="*/ 3906059 w 9497977"/>
              <a:gd name="connsiteY636" fmla="*/ 6040435 h 6857968"/>
              <a:gd name="connsiteX637" fmla="*/ 3906059 w 9497977"/>
              <a:gd name="connsiteY637" fmla="*/ 6111736 h 6857968"/>
              <a:gd name="connsiteX638" fmla="*/ 3977360 w 9497977"/>
              <a:gd name="connsiteY638" fmla="*/ 6111736 h 6857968"/>
              <a:gd name="connsiteX639" fmla="*/ 3977360 w 9497977"/>
              <a:gd name="connsiteY639" fmla="*/ 6040435 h 6857968"/>
              <a:gd name="connsiteX640" fmla="*/ 3763457 w 9497977"/>
              <a:gd name="connsiteY640" fmla="*/ 6040435 h 6857968"/>
              <a:gd name="connsiteX641" fmla="*/ 3763457 w 9497977"/>
              <a:gd name="connsiteY641" fmla="*/ 6111736 h 6857968"/>
              <a:gd name="connsiteX642" fmla="*/ 3834758 w 9497977"/>
              <a:gd name="connsiteY642" fmla="*/ 6111736 h 6857968"/>
              <a:gd name="connsiteX643" fmla="*/ 3834758 w 9497977"/>
              <a:gd name="connsiteY643" fmla="*/ 6040435 h 6857968"/>
              <a:gd name="connsiteX644" fmla="*/ 3620784 w 9497977"/>
              <a:gd name="connsiteY644" fmla="*/ 6040435 h 6857968"/>
              <a:gd name="connsiteX645" fmla="*/ 3620784 w 9497977"/>
              <a:gd name="connsiteY645" fmla="*/ 6111736 h 6857968"/>
              <a:gd name="connsiteX646" fmla="*/ 3692085 w 9497977"/>
              <a:gd name="connsiteY646" fmla="*/ 6111736 h 6857968"/>
              <a:gd name="connsiteX647" fmla="*/ 3692085 w 9497977"/>
              <a:gd name="connsiteY647" fmla="*/ 6040435 h 6857968"/>
              <a:gd name="connsiteX648" fmla="*/ 3478184 w 9497977"/>
              <a:gd name="connsiteY648" fmla="*/ 6040435 h 6857968"/>
              <a:gd name="connsiteX649" fmla="*/ 3478184 w 9497977"/>
              <a:gd name="connsiteY649" fmla="*/ 6111736 h 6857968"/>
              <a:gd name="connsiteX650" fmla="*/ 3549484 w 9497977"/>
              <a:gd name="connsiteY650" fmla="*/ 6111736 h 6857968"/>
              <a:gd name="connsiteX651" fmla="*/ 3549484 w 9497977"/>
              <a:gd name="connsiteY651" fmla="*/ 6040435 h 6857968"/>
              <a:gd name="connsiteX652" fmla="*/ 3335511 w 9497977"/>
              <a:gd name="connsiteY652" fmla="*/ 6040435 h 6857968"/>
              <a:gd name="connsiteX653" fmla="*/ 3335511 w 9497977"/>
              <a:gd name="connsiteY653" fmla="*/ 6111736 h 6857968"/>
              <a:gd name="connsiteX654" fmla="*/ 3406811 w 9497977"/>
              <a:gd name="connsiteY654" fmla="*/ 6111736 h 6857968"/>
              <a:gd name="connsiteX655" fmla="*/ 3406811 w 9497977"/>
              <a:gd name="connsiteY655" fmla="*/ 6040435 h 6857968"/>
              <a:gd name="connsiteX656" fmla="*/ 3192839 w 9497977"/>
              <a:gd name="connsiteY656" fmla="*/ 6040435 h 6857968"/>
              <a:gd name="connsiteX657" fmla="*/ 3192839 w 9497977"/>
              <a:gd name="connsiteY657" fmla="*/ 6111736 h 6857968"/>
              <a:gd name="connsiteX658" fmla="*/ 3264139 w 9497977"/>
              <a:gd name="connsiteY658" fmla="*/ 6111736 h 6857968"/>
              <a:gd name="connsiteX659" fmla="*/ 3264139 w 9497977"/>
              <a:gd name="connsiteY659" fmla="*/ 6040435 h 6857968"/>
              <a:gd name="connsiteX660" fmla="*/ 3050237 w 9497977"/>
              <a:gd name="connsiteY660" fmla="*/ 6040435 h 6857968"/>
              <a:gd name="connsiteX661" fmla="*/ 3050237 w 9497977"/>
              <a:gd name="connsiteY661" fmla="*/ 6111736 h 6857968"/>
              <a:gd name="connsiteX662" fmla="*/ 3121537 w 9497977"/>
              <a:gd name="connsiteY662" fmla="*/ 6111736 h 6857968"/>
              <a:gd name="connsiteX663" fmla="*/ 3121537 w 9497977"/>
              <a:gd name="connsiteY663" fmla="*/ 6040435 h 6857968"/>
              <a:gd name="connsiteX664" fmla="*/ 2907564 w 9497977"/>
              <a:gd name="connsiteY664" fmla="*/ 6040435 h 6857968"/>
              <a:gd name="connsiteX665" fmla="*/ 2907564 w 9497977"/>
              <a:gd name="connsiteY665" fmla="*/ 6111736 h 6857968"/>
              <a:gd name="connsiteX666" fmla="*/ 2978865 w 9497977"/>
              <a:gd name="connsiteY666" fmla="*/ 6111736 h 6857968"/>
              <a:gd name="connsiteX667" fmla="*/ 2978865 w 9497977"/>
              <a:gd name="connsiteY667" fmla="*/ 6040435 h 6857968"/>
              <a:gd name="connsiteX668" fmla="*/ 2764962 w 9497977"/>
              <a:gd name="connsiteY668" fmla="*/ 6040435 h 6857968"/>
              <a:gd name="connsiteX669" fmla="*/ 2764962 w 9497977"/>
              <a:gd name="connsiteY669" fmla="*/ 6111736 h 6857968"/>
              <a:gd name="connsiteX670" fmla="*/ 2836263 w 9497977"/>
              <a:gd name="connsiteY670" fmla="*/ 6111736 h 6857968"/>
              <a:gd name="connsiteX671" fmla="*/ 2836263 w 9497977"/>
              <a:gd name="connsiteY671" fmla="*/ 6040435 h 6857968"/>
              <a:gd name="connsiteX672" fmla="*/ 2622291 w 9497977"/>
              <a:gd name="connsiteY672" fmla="*/ 6040435 h 6857968"/>
              <a:gd name="connsiteX673" fmla="*/ 2622291 w 9497977"/>
              <a:gd name="connsiteY673" fmla="*/ 6111736 h 6857968"/>
              <a:gd name="connsiteX674" fmla="*/ 2693591 w 9497977"/>
              <a:gd name="connsiteY674" fmla="*/ 6111736 h 6857968"/>
              <a:gd name="connsiteX675" fmla="*/ 2693591 w 9497977"/>
              <a:gd name="connsiteY675" fmla="*/ 6040435 h 6857968"/>
              <a:gd name="connsiteX676" fmla="*/ 2479688 w 9497977"/>
              <a:gd name="connsiteY676" fmla="*/ 6040435 h 6857968"/>
              <a:gd name="connsiteX677" fmla="*/ 2479688 w 9497977"/>
              <a:gd name="connsiteY677" fmla="*/ 6111736 h 6857968"/>
              <a:gd name="connsiteX678" fmla="*/ 2550990 w 9497977"/>
              <a:gd name="connsiteY678" fmla="*/ 6111736 h 6857968"/>
              <a:gd name="connsiteX679" fmla="*/ 2550990 w 9497977"/>
              <a:gd name="connsiteY679" fmla="*/ 6040435 h 6857968"/>
              <a:gd name="connsiteX680" fmla="*/ 2337016 w 9497977"/>
              <a:gd name="connsiteY680" fmla="*/ 6040435 h 6857968"/>
              <a:gd name="connsiteX681" fmla="*/ 2337016 w 9497977"/>
              <a:gd name="connsiteY681" fmla="*/ 6111736 h 6857968"/>
              <a:gd name="connsiteX682" fmla="*/ 2408317 w 9497977"/>
              <a:gd name="connsiteY682" fmla="*/ 6111736 h 6857968"/>
              <a:gd name="connsiteX683" fmla="*/ 2408317 w 9497977"/>
              <a:gd name="connsiteY683" fmla="*/ 6040435 h 6857968"/>
              <a:gd name="connsiteX684" fmla="*/ 2195429 w 9497977"/>
              <a:gd name="connsiteY684" fmla="*/ 6040435 h 6857968"/>
              <a:gd name="connsiteX685" fmla="*/ 2195429 w 9497977"/>
              <a:gd name="connsiteY685" fmla="*/ 6111736 h 6857968"/>
              <a:gd name="connsiteX686" fmla="*/ 2266731 w 9497977"/>
              <a:gd name="connsiteY686" fmla="*/ 6111736 h 6857968"/>
              <a:gd name="connsiteX687" fmla="*/ 2266731 w 9497977"/>
              <a:gd name="connsiteY687" fmla="*/ 6040435 h 6857968"/>
              <a:gd name="connsiteX688" fmla="*/ 2052828 w 9497977"/>
              <a:gd name="connsiteY688" fmla="*/ 6040435 h 6857968"/>
              <a:gd name="connsiteX689" fmla="*/ 2052828 w 9497977"/>
              <a:gd name="connsiteY689" fmla="*/ 6111736 h 6857968"/>
              <a:gd name="connsiteX690" fmla="*/ 2124128 w 9497977"/>
              <a:gd name="connsiteY690" fmla="*/ 6111736 h 6857968"/>
              <a:gd name="connsiteX691" fmla="*/ 2124128 w 9497977"/>
              <a:gd name="connsiteY691" fmla="*/ 6040435 h 6857968"/>
              <a:gd name="connsiteX692" fmla="*/ 1910155 w 9497977"/>
              <a:gd name="connsiteY692" fmla="*/ 6040435 h 6857968"/>
              <a:gd name="connsiteX693" fmla="*/ 1910155 w 9497977"/>
              <a:gd name="connsiteY693" fmla="*/ 6111736 h 6857968"/>
              <a:gd name="connsiteX694" fmla="*/ 1981455 w 9497977"/>
              <a:gd name="connsiteY694" fmla="*/ 6111736 h 6857968"/>
              <a:gd name="connsiteX695" fmla="*/ 1981455 w 9497977"/>
              <a:gd name="connsiteY695" fmla="*/ 6040435 h 6857968"/>
              <a:gd name="connsiteX696" fmla="*/ 1767483 w 9497977"/>
              <a:gd name="connsiteY696" fmla="*/ 6040435 h 6857968"/>
              <a:gd name="connsiteX697" fmla="*/ 1767483 w 9497977"/>
              <a:gd name="connsiteY697" fmla="*/ 6111736 h 6857968"/>
              <a:gd name="connsiteX698" fmla="*/ 1838783 w 9497977"/>
              <a:gd name="connsiteY698" fmla="*/ 6111736 h 6857968"/>
              <a:gd name="connsiteX699" fmla="*/ 1838783 w 9497977"/>
              <a:gd name="connsiteY699" fmla="*/ 6040435 h 6857968"/>
              <a:gd name="connsiteX700" fmla="*/ 1624882 w 9497977"/>
              <a:gd name="connsiteY700" fmla="*/ 6040435 h 6857968"/>
              <a:gd name="connsiteX701" fmla="*/ 1624882 w 9497977"/>
              <a:gd name="connsiteY701" fmla="*/ 6111736 h 6857968"/>
              <a:gd name="connsiteX702" fmla="*/ 1696183 w 9497977"/>
              <a:gd name="connsiteY702" fmla="*/ 6111736 h 6857968"/>
              <a:gd name="connsiteX703" fmla="*/ 1696183 w 9497977"/>
              <a:gd name="connsiteY703" fmla="*/ 6040435 h 6857968"/>
              <a:gd name="connsiteX704" fmla="*/ 1482218 w 9497977"/>
              <a:gd name="connsiteY704" fmla="*/ 6040435 h 6857968"/>
              <a:gd name="connsiteX705" fmla="*/ 1482218 w 9497977"/>
              <a:gd name="connsiteY705" fmla="*/ 6111736 h 6857968"/>
              <a:gd name="connsiteX706" fmla="*/ 1553511 w 9497977"/>
              <a:gd name="connsiteY706" fmla="*/ 6111736 h 6857968"/>
              <a:gd name="connsiteX707" fmla="*/ 1553511 w 9497977"/>
              <a:gd name="connsiteY707" fmla="*/ 6040435 h 6857968"/>
              <a:gd name="connsiteX708" fmla="*/ 1339621 w 9497977"/>
              <a:gd name="connsiteY708" fmla="*/ 6040435 h 6857968"/>
              <a:gd name="connsiteX709" fmla="*/ 1339621 w 9497977"/>
              <a:gd name="connsiteY709" fmla="*/ 6111736 h 6857968"/>
              <a:gd name="connsiteX710" fmla="*/ 1410920 w 9497977"/>
              <a:gd name="connsiteY710" fmla="*/ 6111736 h 6857968"/>
              <a:gd name="connsiteX711" fmla="*/ 1410920 w 9497977"/>
              <a:gd name="connsiteY711" fmla="*/ 6040435 h 6857968"/>
              <a:gd name="connsiteX712" fmla="*/ 1196948 w 9497977"/>
              <a:gd name="connsiteY712" fmla="*/ 6040435 h 6857968"/>
              <a:gd name="connsiteX713" fmla="*/ 1196948 w 9497977"/>
              <a:gd name="connsiteY713" fmla="*/ 6111736 h 6857968"/>
              <a:gd name="connsiteX714" fmla="*/ 1268245 w 9497977"/>
              <a:gd name="connsiteY714" fmla="*/ 6111736 h 6857968"/>
              <a:gd name="connsiteX715" fmla="*/ 1268245 w 9497977"/>
              <a:gd name="connsiteY715" fmla="*/ 6040435 h 6857968"/>
              <a:gd name="connsiteX716" fmla="*/ 1054277 w 9497977"/>
              <a:gd name="connsiteY716" fmla="*/ 6040435 h 6857968"/>
              <a:gd name="connsiteX717" fmla="*/ 1054277 w 9497977"/>
              <a:gd name="connsiteY717" fmla="*/ 6111736 h 6857968"/>
              <a:gd name="connsiteX718" fmla="*/ 1125575 w 9497977"/>
              <a:gd name="connsiteY718" fmla="*/ 6111736 h 6857968"/>
              <a:gd name="connsiteX719" fmla="*/ 1125575 w 9497977"/>
              <a:gd name="connsiteY719" fmla="*/ 6040435 h 6857968"/>
              <a:gd name="connsiteX720" fmla="*/ 911663 w 9497977"/>
              <a:gd name="connsiteY720" fmla="*/ 6040435 h 6857968"/>
              <a:gd name="connsiteX721" fmla="*/ 911663 w 9497977"/>
              <a:gd name="connsiteY721" fmla="*/ 6111736 h 6857968"/>
              <a:gd name="connsiteX722" fmla="*/ 982964 w 9497977"/>
              <a:gd name="connsiteY722" fmla="*/ 6111736 h 6857968"/>
              <a:gd name="connsiteX723" fmla="*/ 982964 w 9497977"/>
              <a:gd name="connsiteY723" fmla="*/ 6040435 h 6857968"/>
              <a:gd name="connsiteX724" fmla="*/ 6857645 w 9497977"/>
              <a:gd name="connsiteY724" fmla="*/ 0 h 6857968"/>
              <a:gd name="connsiteX725" fmla="*/ 9497977 w 9497977"/>
              <a:gd name="connsiteY725" fmla="*/ 0 h 6857968"/>
              <a:gd name="connsiteX726" fmla="*/ 9497977 w 9497977"/>
              <a:gd name="connsiteY726" fmla="*/ 6857968 h 6857968"/>
              <a:gd name="connsiteX727" fmla="*/ 0 w 9497977"/>
              <a:gd name="connsiteY727" fmla="*/ 6857968 h 6857968"/>
              <a:gd name="connsiteX728" fmla="*/ 341118 w 9497977"/>
              <a:gd name="connsiteY728" fmla="*/ 6516838 h 6857968"/>
              <a:gd name="connsiteX729" fmla="*/ 341118 w 9497977"/>
              <a:gd name="connsiteY729" fmla="*/ 6545648 h 6857968"/>
              <a:gd name="connsiteX730" fmla="*/ 412416 w 9497977"/>
              <a:gd name="connsiteY730" fmla="*/ 6545648 h 6857968"/>
              <a:gd name="connsiteX731" fmla="*/ 412416 w 9497977"/>
              <a:gd name="connsiteY731" fmla="*/ 6474347 h 6857968"/>
              <a:gd name="connsiteX732" fmla="*/ 383607 w 9497977"/>
              <a:gd name="connsiteY732" fmla="*/ 6474347 h 6857968"/>
              <a:gd name="connsiteX733" fmla="*/ 483718 w 9497977"/>
              <a:gd name="connsiteY733" fmla="*/ 6374231 h 6857968"/>
              <a:gd name="connsiteX734" fmla="*/ 483718 w 9497977"/>
              <a:gd name="connsiteY734" fmla="*/ 6397010 h 6857968"/>
              <a:gd name="connsiteX735" fmla="*/ 555020 w 9497977"/>
              <a:gd name="connsiteY735" fmla="*/ 6397010 h 6857968"/>
              <a:gd name="connsiteX736" fmla="*/ 555020 w 9497977"/>
              <a:gd name="connsiteY736" fmla="*/ 6325709 h 6857968"/>
              <a:gd name="connsiteX737" fmla="*/ 532239 w 9497977"/>
              <a:gd name="connsiteY737" fmla="*/ 6325709 h 6857968"/>
              <a:gd name="connsiteX738" fmla="*/ 626392 w 9497977"/>
              <a:gd name="connsiteY738" fmla="*/ 6231552 h 6857968"/>
              <a:gd name="connsiteX739" fmla="*/ 626392 w 9497977"/>
              <a:gd name="connsiteY739" fmla="*/ 6254408 h 6857968"/>
              <a:gd name="connsiteX740" fmla="*/ 697691 w 9497977"/>
              <a:gd name="connsiteY740" fmla="*/ 6254408 h 6857968"/>
              <a:gd name="connsiteX741" fmla="*/ 697691 w 9497977"/>
              <a:gd name="connsiteY741" fmla="*/ 6183107 h 6857968"/>
              <a:gd name="connsiteX742" fmla="*/ 674833 w 9497977"/>
              <a:gd name="connsiteY742" fmla="*/ 6183107 h 6857968"/>
              <a:gd name="connsiteX743" fmla="*/ 769001 w 9497977"/>
              <a:gd name="connsiteY743" fmla="*/ 6088935 h 6857968"/>
              <a:gd name="connsiteX744" fmla="*/ 769001 w 9497977"/>
              <a:gd name="connsiteY744" fmla="*/ 6111736 h 6857968"/>
              <a:gd name="connsiteX745" fmla="*/ 840303 w 9497977"/>
              <a:gd name="connsiteY745" fmla="*/ 6111736 h 6857968"/>
              <a:gd name="connsiteX746" fmla="*/ 840303 w 9497977"/>
              <a:gd name="connsiteY746" fmla="*/ 6040435 h 6857968"/>
              <a:gd name="connsiteX747" fmla="*/ 817496 w 9497977"/>
              <a:gd name="connsiteY747" fmla="*/ 6040435 h 68579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Lst>
            <a:rect l="l" t="t" r="r" b="b"/>
            <a:pathLst>
              <a:path w="9497977" h="6857968">
                <a:moveTo>
                  <a:pt x="6330995" y="6474347"/>
                </a:moveTo>
                <a:lnTo>
                  <a:pt x="6330995" y="6545648"/>
                </a:lnTo>
                <a:lnTo>
                  <a:pt x="6402296" y="6545648"/>
                </a:lnTo>
                <a:lnTo>
                  <a:pt x="6402296" y="6474347"/>
                </a:lnTo>
                <a:close/>
                <a:moveTo>
                  <a:pt x="6188393" y="6474347"/>
                </a:moveTo>
                <a:lnTo>
                  <a:pt x="6188393" y="6545648"/>
                </a:lnTo>
                <a:lnTo>
                  <a:pt x="6259694" y="6545648"/>
                </a:lnTo>
                <a:lnTo>
                  <a:pt x="6259694" y="6474347"/>
                </a:lnTo>
                <a:close/>
                <a:moveTo>
                  <a:pt x="6045721" y="6474347"/>
                </a:moveTo>
                <a:lnTo>
                  <a:pt x="6045721" y="6545648"/>
                </a:lnTo>
                <a:lnTo>
                  <a:pt x="6117021" y="6545648"/>
                </a:lnTo>
                <a:lnTo>
                  <a:pt x="6117021" y="6474347"/>
                </a:lnTo>
                <a:close/>
                <a:moveTo>
                  <a:pt x="5903048" y="6474347"/>
                </a:moveTo>
                <a:lnTo>
                  <a:pt x="5903048" y="6545648"/>
                </a:lnTo>
                <a:lnTo>
                  <a:pt x="5974349" y="6545648"/>
                </a:lnTo>
                <a:lnTo>
                  <a:pt x="5974349" y="6474347"/>
                </a:lnTo>
                <a:close/>
                <a:moveTo>
                  <a:pt x="5760447" y="6474347"/>
                </a:moveTo>
                <a:lnTo>
                  <a:pt x="5760447" y="6545648"/>
                </a:lnTo>
                <a:lnTo>
                  <a:pt x="5831748" y="6545648"/>
                </a:lnTo>
                <a:lnTo>
                  <a:pt x="5831748" y="6474347"/>
                </a:lnTo>
                <a:close/>
                <a:moveTo>
                  <a:pt x="5617774" y="6474347"/>
                </a:moveTo>
                <a:lnTo>
                  <a:pt x="5617774" y="6545648"/>
                </a:lnTo>
                <a:lnTo>
                  <a:pt x="5689075" y="6545648"/>
                </a:lnTo>
                <a:lnTo>
                  <a:pt x="5689075" y="6474347"/>
                </a:lnTo>
                <a:close/>
                <a:moveTo>
                  <a:pt x="5475173" y="6474347"/>
                </a:moveTo>
                <a:lnTo>
                  <a:pt x="5475173" y="6545648"/>
                </a:lnTo>
                <a:lnTo>
                  <a:pt x="5546474" y="6545648"/>
                </a:lnTo>
                <a:lnTo>
                  <a:pt x="5546474" y="6474347"/>
                </a:lnTo>
                <a:close/>
                <a:moveTo>
                  <a:pt x="5332500" y="6474347"/>
                </a:moveTo>
                <a:lnTo>
                  <a:pt x="5332500" y="6545648"/>
                </a:lnTo>
                <a:lnTo>
                  <a:pt x="5403801" y="6545648"/>
                </a:lnTo>
                <a:lnTo>
                  <a:pt x="5403801" y="6474347"/>
                </a:lnTo>
                <a:close/>
                <a:moveTo>
                  <a:pt x="5189828" y="6474347"/>
                </a:moveTo>
                <a:lnTo>
                  <a:pt x="5189828" y="6545648"/>
                </a:lnTo>
                <a:lnTo>
                  <a:pt x="5261129" y="6545648"/>
                </a:lnTo>
                <a:lnTo>
                  <a:pt x="5261129" y="6474347"/>
                </a:lnTo>
                <a:close/>
                <a:moveTo>
                  <a:pt x="5047226" y="6474347"/>
                </a:moveTo>
                <a:lnTo>
                  <a:pt x="5047226" y="6545648"/>
                </a:lnTo>
                <a:lnTo>
                  <a:pt x="5118527" y="6545648"/>
                </a:lnTo>
                <a:lnTo>
                  <a:pt x="5118527" y="6474347"/>
                </a:lnTo>
                <a:close/>
                <a:moveTo>
                  <a:pt x="4904553" y="6474347"/>
                </a:moveTo>
                <a:lnTo>
                  <a:pt x="4904553" y="6545648"/>
                </a:lnTo>
                <a:lnTo>
                  <a:pt x="4975854" y="6545648"/>
                </a:lnTo>
                <a:lnTo>
                  <a:pt x="4975854" y="6474347"/>
                </a:lnTo>
                <a:close/>
                <a:moveTo>
                  <a:pt x="4761952" y="6474347"/>
                </a:moveTo>
                <a:lnTo>
                  <a:pt x="4761952" y="6545648"/>
                </a:lnTo>
                <a:lnTo>
                  <a:pt x="4833253" y="6545648"/>
                </a:lnTo>
                <a:lnTo>
                  <a:pt x="4833253" y="6474347"/>
                </a:lnTo>
                <a:close/>
                <a:moveTo>
                  <a:pt x="4619279" y="6474347"/>
                </a:moveTo>
                <a:lnTo>
                  <a:pt x="4619279" y="6545648"/>
                </a:lnTo>
                <a:lnTo>
                  <a:pt x="4690580" y="6545648"/>
                </a:lnTo>
                <a:lnTo>
                  <a:pt x="4690580" y="6474347"/>
                </a:lnTo>
                <a:close/>
                <a:moveTo>
                  <a:pt x="4476678" y="6474347"/>
                </a:moveTo>
                <a:lnTo>
                  <a:pt x="4476678" y="6545648"/>
                </a:lnTo>
                <a:lnTo>
                  <a:pt x="4547979" y="6545648"/>
                </a:lnTo>
                <a:lnTo>
                  <a:pt x="4547979" y="6474347"/>
                </a:lnTo>
                <a:close/>
                <a:moveTo>
                  <a:pt x="4334005" y="6474347"/>
                </a:moveTo>
                <a:lnTo>
                  <a:pt x="4334005" y="6545648"/>
                </a:lnTo>
                <a:lnTo>
                  <a:pt x="4405306" y="6545648"/>
                </a:lnTo>
                <a:lnTo>
                  <a:pt x="4405306" y="6474347"/>
                </a:lnTo>
                <a:close/>
                <a:moveTo>
                  <a:pt x="4191404" y="6474347"/>
                </a:moveTo>
                <a:lnTo>
                  <a:pt x="4191404" y="6545648"/>
                </a:lnTo>
                <a:lnTo>
                  <a:pt x="4262705" y="6545648"/>
                </a:lnTo>
                <a:lnTo>
                  <a:pt x="4262705" y="6474347"/>
                </a:lnTo>
                <a:close/>
                <a:moveTo>
                  <a:pt x="4048731" y="6474347"/>
                </a:moveTo>
                <a:lnTo>
                  <a:pt x="4048731" y="6545648"/>
                </a:lnTo>
                <a:lnTo>
                  <a:pt x="4120032" y="6545648"/>
                </a:lnTo>
                <a:lnTo>
                  <a:pt x="4120032" y="6474347"/>
                </a:lnTo>
                <a:close/>
                <a:moveTo>
                  <a:pt x="3906059" y="6474347"/>
                </a:moveTo>
                <a:lnTo>
                  <a:pt x="3906059" y="6545648"/>
                </a:lnTo>
                <a:lnTo>
                  <a:pt x="3977360" y="6545648"/>
                </a:lnTo>
                <a:lnTo>
                  <a:pt x="3977360" y="6474347"/>
                </a:lnTo>
                <a:close/>
                <a:moveTo>
                  <a:pt x="3763457" y="6474347"/>
                </a:moveTo>
                <a:lnTo>
                  <a:pt x="3763457" y="6545648"/>
                </a:lnTo>
                <a:lnTo>
                  <a:pt x="3834758" y="6545648"/>
                </a:lnTo>
                <a:lnTo>
                  <a:pt x="3834758" y="6474347"/>
                </a:lnTo>
                <a:close/>
                <a:moveTo>
                  <a:pt x="3620784" y="6474347"/>
                </a:moveTo>
                <a:lnTo>
                  <a:pt x="3620784" y="6545648"/>
                </a:lnTo>
                <a:lnTo>
                  <a:pt x="3692085" y="6545648"/>
                </a:lnTo>
                <a:lnTo>
                  <a:pt x="3692085" y="6474347"/>
                </a:lnTo>
                <a:close/>
                <a:moveTo>
                  <a:pt x="3478184" y="6474347"/>
                </a:moveTo>
                <a:lnTo>
                  <a:pt x="3478184" y="6545648"/>
                </a:lnTo>
                <a:lnTo>
                  <a:pt x="3549484" y="6545648"/>
                </a:lnTo>
                <a:lnTo>
                  <a:pt x="3549484" y="6474347"/>
                </a:lnTo>
                <a:close/>
                <a:moveTo>
                  <a:pt x="3335511" y="6474347"/>
                </a:moveTo>
                <a:lnTo>
                  <a:pt x="3335511" y="6545648"/>
                </a:lnTo>
                <a:lnTo>
                  <a:pt x="3406811" y="6545648"/>
                </a:lnTo>
                <a:lnTo>
                  <a:pt x="3406811" y="6474347"/>
                </a:lnTo>
                <a:close/>
                <a:moveTo>
                  <a:pt x="3192839" y="6474347"/>
                </a:moveTo>
                <a:lnTo>
                  <a:pt x="3192839" y="6545648"/>
                </a:lnTo>
                <a:lnTo>
                  <a:pt x="3264139" y="6545648"/>
                </a:lnTo>
                <a:lnTo>
                  <a:pt x="3264139" y="6474347"/>
                </a:lnTo>
                <a:close/>
                <a:moveTo>
                  <a:pt x="3050237" y="6474347"/>
                </a:moveTo>
                <a:lnTo>
                  <a:pt x="3050237" y="6545648"/>
                </a:lnTo>
                <a:lnTo>
                  <a:pt x="3121537" y="6545648"/>
                </a:lnTo>
                <a:lnTo>
                  <a:pt x="3121537" y="6474347"/>
                </a:lnTo>
                <a:close/>
                <a:moveTo>
                  <a:pt x="2907564" y="6474347"/>
                </a:moveTo>
                <a:lnTo>
                  <a:pt x="2907564" y="6545648"/>
                </a:lnTo>
                <a:lnTo>
                  <a:pt x="2978865" y="6545648"/>
                </a:lnTo>
                <a:lnTo>
                  <a:pt x="2978865" y="6474347"/>
                </a:lnTo>
                <a:close/>
                <a:moveTo>
                  <a:pt x="2764962" y="6474347"/>
                </a:moveTo>
                <a:lnTo>
                  <a:pt x="2764962" y="6545648"/>
                </a:lnTo>
                <a:lnTo>
                  <a:pt x="2836263" y="6545648"/>
                </a:lnTo>
                <a:lnTo>
                  <a:pt x="2836263" y="6474347"/>
                </a:lnTo>
                <a:close/>
                <a:moveTo>
                  <a:pt x="2622291" y="6474347"/>
                </a:moveTo>
                <a:lnTo>
                  <a:pt x="2622291" y="6545648"/>
                </a:lnTo>
                <a:lnTo>
                  <a:pt x="2693591" y="6545648"/>
                </a:lnTo>
                <a:lnTo>
                  <a:pt x="2693591" y="6474347"/>
                </a:lnTo>
                <a:close/>
                <a:moveTo>
                  <a:pt x="2479688" y="6474347"/>
                </a:moveTo>
                <a:lnTo>
                  <a:pt x="2479688" y="6545648"/>
                </a:lnTo>
                <a:lnTo>
                  <a:pt x="2550990" y="6545648"/>
                </a:lnTo>
                <a:lnTo>
                  <a:pt x="2550990" y="6474347"/>
                </a:lnTo>
                <a:close/>
                <a:moveTo>
                  <a:pt x="2337016" y="6474347"/>
                </a:moveTo>
                <a:lnTo>
                  <a:pt x="2337016" y="6545648"/>
                </a:lnTo>
                <a:lnTo>
                  <a:pt x="2408317" y="6545648"/>
                </a:lnTo>
                <a:lnTo>
                  <a:pt x="2408317" y="6474347"/>
                </a:lnTo>
                <a:close/>
                <a:moveTo>
                  <a:pt x="2195429" y="6474347"/>
                </a:moveTo>
                <a:lnTo>
                  <a:pt x="2195429" y="6545648"/>
                </a:lnTo>
                <a:lnTo>
                  <a:pt x="2266731" y="6545648"/>
                </a:lnTo>
                <a:lnTo>
                  <a:pt x="2266731" y="6474347"/>
                </a:lnTo>
                <a:close/>
                <a:moveTo>
                  <a:pt x="2052828" y="6474347"/>
                </a:moveTo>
                <a:lnTo>
                  <a:pt x="2052828" y="6545648"/>
                </a:lnTo>
                <a:lnTo>
                  <a:pt x="2124128" y="6545648"/>
                </a:lnTo>
                <a:lnTo>
                  <a:pt x="2124128" y="6474347"/>
                </a:lnTo>
                <a:close/>
                <a:moveTo>
                  <a:pt x="1910155" y="6474347"/>
                </a:moveTo>
                <a:lnTo>
                  <a:pt x="1910155" y="6545648"/>
                </a:lnTo>
                <a:lnTo>
                  <a:pt x="1981455" y="6545648"/>
                </a:lnTo>
                <a:lnTo>
                  <a:pt x="1981455" y="6474347"/>
                </a:lnTo>
                <a:close/>
                <a:moveTo>
                  <a:pt x="1767483" y="6474347"/>
                </a:moveTo>
                <a:lnTo>
                  <a:pt x="1767483" y="6545648"/>
                </a:lnTo>
                <a:lnTo>
                  <a:pt x="1838783" y="6545648"/>
                </a:lnTo>
                <a:lnTo>
                  <a:pt x="1838783" y="6474347"/>
                </a:lnTo>
                <a:close/>
                <a:moveTo>
                  <a:pt x="1624882" y="6474347"/>
                </a:moveTo>
                <a:lnTo>
                  <a:pt x="1624882" y="6545648"/>
                </a:lnTo>
                <a:lnTo>
                  <a:pt x="1696183" y="6545648"/>
                </a:lnTo>
                <a:lnTo>
                  <a:pt x="1696183" y="6474347"/>
                </a:lnTo>
                <a:close/>
                <a:moveTo>
                  <a:pt x="1482215" y="6474347"/>
                </a:moveTo>
                <a:lnTo>
                  <a:pt x="1482215" y="6545648"/>
                </a:lnTo>
                <a:lnTo>
                  <a:pt x="1553511" y="6545648"/>
                </a:lnTo>
                <a:lnTo>
                  <a:pt x="1553511" y="6474347"/>
                </a:lnTo>
                <a:close/>
                <a:moveTo>
                  <a:pt x="1339617" y="6474347"/>
                </a:moveTo>
                <a:lnTo>
                  <a:pt x="1339617" y="6545648"/>
                </a:lnTo>
                <a:lnTo>
                  <a:pt x="1410920" y="6545648"/>
                </a:lnTo>
                <a:lnTo>
                  <a:pt x="1410920" y="6474347"/>
                </a:lnTo>
                <a:close/>
                <a:moveTo>
                  <a:pt x="1196941" y="6474347"/>
                </a:moveTo>
                <a:lnTo>
                  <a:pt x="1196941" y="6545648"/>
                </a:lnTo>
                <a:lnTo>
                  <a:pt x="1268245" y="6545648"/>
                </a:lnTo>
                <a:lnTo>
                  <a:pt x="1268245" y="6474347"/>
                </a:lnTo>
                <a:close/>
                <a:moveTo>
                  <a:pt x="1054277" y="6474347"/>
                </a:moveTo>
                <a:lnTo>
                  <a:pt x="1054277" y="6545648"/>
                </a:lnTo>
                <a:lnTo>
                  <a:pt x="1125575" y="6545648"/>
                </a:lnTo>
                <a:lnTo>
                  <a:pt x="1125575" y="6474347"/>
                </a:lnTo>
                <a:close/>
                <a:moveTo>
                  <a:pt x="911663" y="6474347"/>
                </a:moveTo>
                <a:lnTo>
                  <a:pt x="911663" y="6545648"/>
                </a:lnTo>
                <a:lnTo>
                  <a:pt x="982964" y="6545648"/>
                </a:lnTo>
                <a:lnTo>
                  <a:pt x="982964" y="6474347"/>
                </a:lnTo>
                <a:close/>
                <a:moveTo>
                  <a:pt x="769001" y="6474347"/>
                </a:moveTo>
                <a:lnTo>
                  <a:pt x="769001" y="6545648"/>
                </a:lnTo>
                <a:lnTo>
                  <a:pt x="840299" y="6545648"/>
                </a:lnTo>
                <a:lnTo>
                  <a:pt x="840299" y="6474347"/>
                </a:lnTo>
                <a:close/>
                <a:moveTo>
                  <a:pt x="626392" y="6474347"/>
                </a:moveTo>
                <a:lnTo>
                  <a:pt x="626392" y="6545648"/>
                </a:lnTo>
                <a:lnTo>
                  <a:pt x="697691" y="6545648"/>
                </a:lnTo>
                <a:lnTo>
                  <a:pt x="697691" y="6474347"/>
                </a:lnTo>
                <a:close/>
                <a:moveTo>
                  <a:pt x="483718" y="6474347"/>
                </a:moveTo>
                <a:lnTo>
                  <a:pt x="483718" y="6545648"/>
                </a:lnTo>
                <a:lnTo>
                  <a:pt x="555020" y="6545648"/>
                </a:lnTo>
                <a:lnTo>
                  <a:pt x="555020" y="6474347"/>
                </a:lnTo>
                <a:close/>
                <a:moveTo>
                  <a:pt x="7329490" y="6325709"/>
                </a:moveTo>
                <a:lnTo>
                  <a:pt x="7329490" y="6397010"/>
                </a:lnTo>
                <a:lnTo>
                  <a:pt x="7400791" y="6397010"/>
                </a:lnTo>
                <a:lnTo>
                  <a:pt x="7400791" y="6325709"/>
                </a:lnTo>
                <a:close/>
                <a:moveTo>
                  <a:pt x="7186888" y="6325709"/>
                </a:moveTo>
                <a:lnTo>
                  <a:pt x="7186888" y="6397010"/>
                </a:lnTo>
                <a:lnTo>
                  <a:pt x="7258188" y="6397010"/>
                </a:lnTo>
                <a:lnTo>
                  <a:pt x="7258188" y="6325709"/>
                </a:lnTo>
                <a:close/>
                <a:moveTo>
                  <a:pt x="7044216" y="6325709"/>
                </a:moveTo>
                <a:lnTo>
                  <a:pt x="7044216" y="6397010"/>
                </a:lnTo>
                <a:lnTo>
                  <a:pt x="7115517" y="6397010"/>
                </a:lnTo>
                <a:lnTo>
                  <a:pt x="7115517" y="6325709"/>
                </a:lnTo>
                <a:close/>
                <a:moveTo>
                  <a:pt x="6901543" y="6325709"/>
                </a:moveTo>
                <a:lnTo>
                  <a:pt x="6901543" y="6397010"/>
                </a:lnTo>
                <a:lnTo>
                  <a:pt x="6972844" y="6397010"/>
                </a:lnTo>
                <a:lnTo>
                  <a:pt x="6972844" y="6325709"/>
                </a:lnTo>
                <a:close/>
                <a:moveTo>
                  <a:pt x="6758942" y="6325709"/>
                </a:moveTo>
                <a:lnTo>
                  <a:pt x="6758942" y="6397010"/>
                </a:lnTo>
                <a:lnTo>
                  <a:pt x="6830242" y="6397010"/>
                </a:lnTo>
                <a:lnTo>
                  <a:pt x="6830242" y="6325709"/>
                </a:lnTo>
                <a:close/>
                <a:moveTo>
                  <a:pt x="6616269" y="6325709"/>
                </a:moveTo>
                <a:lnTo>
                  <a:pt x="6616269" y="6397010"/>
                </a:lnTo>
                <a:lnTo>
                  <a:pt x="6687570" y="6397010"/>
                </a:lnTo>
                <a:lnTo>
                  <a:pt x="6687570" y="6325709"/>
                </a:lnTo>
                <a:close/>
                <a:moveTo>
                  <a:pt x="6473667" y="6325709"/>
                </a:moveTo>
                <a:lnTo>
                  <a:pt x="6473667" y="6397010"/>
                </a:lnTo>
                <a:lnTo>
                  <a:pt x="6544968" y="6397010"/>
                </a:lnTo>
                <a:lnTo>
                  <a:pt x="6544968" y="6325709"/>
                </a:lnTo>
                <a:close/>
                <a:moveTo>
                  <a:pt x="6330995" y="6325709"/>
                </a:moveTo>
                <a:lnTo>
                  <a:pt x="6330995" y="6397010"/>
                </a:lnTo>
                <a:lnTo>
                  <a:pt x="6402296" y="6397010"/>
                </a:lnTo>
                <a:lnTo>
                  <a:pt x="6402296" y="6325709"/>
                </a:lnTo>
                <a:close/>
                <a:moveTo>
                  <a:pt x="6188393" y="6325709"/>
                </a:moveTo>
                <a:lnTo>
                  <a:pt x="6188393" y="6397010"/>
                </a:lnTo>
                <a:lnTo>
                  <a:pt x="6259694" y="6397010"/>
                </a:lnTo>
                <a:lnTo>
                  <a:pt x="6259694" y="6325709"/>
                </a:lnTo>
                <a:close/>
                <a:moveTo>
                  <a:pt x="6045721" y="6325709"/>
                </a:moveTo>
                <a:lnTo>
                  <a:pt x="6045721" y="6397010"/>
                </a:lnTo>
                <a:lnTo>
                  <a:pt x="6117021" y="6397010"/>
                </a:lnTo>
                <a:lnTo>
                  <a:pt x="6117021" y="6325709"/>
                </a:lnTo>
                <a:close/>
                <a:moveTo>
                  <a:pt x="5903048" y="6325709"/>
                </a:moveTo>
                <a:lnTo>
                  <a:pt x="5903048" y="6397010"/>
                </a:lnTo>
                <a:lnTo>
                  <a:pt x="5974349" y="6397010"/>
                </a:lnTo>
                <a:lnTo>
                  <a:pt x="5974349" y="6325709"/>
                </a:lnTo>
                <a:close/>
                <a:moveTo>
                  <a:pt x="5760447" y="6325709"/>
                </a:moveTo>
                <a:lnTo>
                  <a:pt x="5760447" y="6397010"/>
                </a:lnTo>
                <a:lnTo>
                  <a:pt x="5831748" y="6397010"/>
                </a:lnTo>
                <a:lnTo>
                  <a:pt x="5831748" y="6325709"/>
                </a:lnTo>
                <a:close/>
                <a:moveTo>
                  <a:pt x="5617774" y="6325709"/>
                </a:moveTo>
                <a:lnTo>
                  <a:pt x="5617774" y="6397010"/>
                </a:lnTo>
                <a:lnTo>
                  <a:pt x="5689075" y="6397010"/>
                </a:lnTo>
                <a:lnTo>
                  <a:pt x="5689075" y="6325709"/>
                </a:lnTo>
                <a:close/>
                <a:moveTo>
                  <a:pt x="5475173" y="6325709"/>
                </a:moveTo>
                <a:lnTo>
                  <a:pt x="5475173" y="6397010"/>
                </a:lnTo>
                <a:lnTo>
                  <a:pt x="5546474" y="6397010"/>
                </a:lnTo>
                <a:lnTo>
                  <a:pt x="5546474" y="6325709"/>
                </a:lnTo>
                <a:close/>
                <a:moveTo>
                  <a:pt x="5332500" y="6325709"/>
                </a:moveTo>
                <a:lnTo>
                  <a:pt x="5332500" y="6397010"/>
                </a:lnTo>
                <a:lnTo>
                  <a:pt x="5403801" y="6397010"/>
                </a:lnTo>
                <a:lnTo>
                  <a:pt x="5403801" y="6325709"/>
                </a:lnTo>
                <a:close/>
                <a:moveTo>
                  <a:pt x="5189828" y="6325709"/>
                </a:moveTo>
                <a:lnTo>
                  <a:pt x="5189828" y="6397010"/>
                </a:lnTo>
                <a:lnTo>
                  <a:pt x="5261129" y="6397010"/>
                </a:lnTo>
                <a:lnTo>
                  <a:pt x="5261129" y="6325709"/>
                </a:lnTo>
                <a:close/>
                <a:moveTo>
                  <a:pt x="5047226" y="6325709"/>
                </a:moveTo>
                <a:lnTo>
                  <a:pt x="5047226" y="6397010"/>
                </a:lnTo>
                <a:lnTo>
                  <a:pt x="5118527" y="6397010"/>
                </a:lnTo>
                <a:lnTo>
                  <a:pt x="5118527" y="6325709"/>
                </a:lnTo>
                <a:close/>
                <a:moveTo>
                  <a:pt x="4904553" y="6325709"/>
                </a:moveTo>
                <a:lnTo>
                  <a:pt x="4904553" y="6397010"/>
                </a:lnTo>
                <a:lnTo>
                  <a:pt x="4975854" y="6397010"/>
                </a:lnTo>
                <a:lnTo>
                  <a:pt x="4975854" y="6325709"/>
                </a:lnTo>
                <a:close/>
                <a:moveTo>
                  <a:pt x="4761952" y="6325709"/>
                </a:moveTo>
                <a:lnTo>
                  <a:pt x="4761952" y="6397010"/>
                </a:lnTo>
                <a:lnTo>
                  <a:pt x="4833253" y="6397010"/>
                </a:lnTo>
                <a:lnTo>
                  <a:pt x="4833253" y="6325709"/>
                </a:lnTo>
                <a:close/>
                <a:moveTo>
                  <a:pt x="4619279" y="6325709"/>
                </a:moveTo>
                <a:lnTo>
                  <a:pt x="4619279" y="6397010"/>
                </a:lnTo>
                <a:lnTo>
                  <a:pt x="4690580" y="6397010"/>
                </a:lnTo>
                <a:lnTo>
                  <a:pt x="4690580" y="6325709"/>
                </a:lnTo>
                <a:close/>
                <a:moveTo>
                  <a:pt x="4476678" y="6325709"/>
                </a:moveTo>
                <a:lnTo>
                  <a:pt x="4476678" y="6397010"/>
                </a:lnTo>
                <a:lnTo>
                  <a:pt x="4547979" y="6397010"/>
                </a:lnTo>
                <a:lnTo>
                  <a:pt x="4547979" y="6325709"/>
                </a:lnTo>
                <a:close/>
                <a:moveTo>
                  <a:pt x="4334005" y="6325709"/>
                </a:moveTo>
                <a:lnTo>
                  <a:pt x="4334005" y="6397010"/>
                </a:lnTo>
                <a:lnTo>
                  <a:pt x="4405306" y="6397010"/>
                </a:lnTo>
                <a:lnTo>
                  <a:pt x="4405306" y="6325709"/>
                </a:lnTo>
                <a:close/>
                <a:moveTo>
                  <a:pt x="4191404" y="6325709"/>
                </a:moveTo>
                <a:lnTo>
                  <a:pt x="4191404" y="6397010"/>
                </a:lnTo>
                <a:lnTo>
                  <a:pt x="4262705" y="6397010"/>
                </a:lnTo>
                <a:lnTo>
                  <a:pt x="4262705" y="6325709"/>
                </a:lnTo>
                <a:close/>
                <a:moveTo>
                  <a:pt x="4048731" y="6325709"/>
                </a:moveTo>
                <a:lnTo>
                  <a:pt x="4048731" y="6397010"/>
                </a:lnTo>
                <a:lnTo>
                  <a:pt x="4120032" y="6397010"/>
                </a:lnTo>
                <a:lnTo>
                  <a:pt x="4120032" y="6325709"/>
                </a:lnTo>
                <a:close/>
                <a:moveTo>
                  <a:pt x="3906059" y="6325709"/>
                </a:moveTo>
                <a:lnTo>
                  <a:pt x="3906059" y="6397010"/>
                </a:lnTo>
                <a:lnTo>
                  <a:pt x="3977360" y="6397010"/>
                </a:lnTo>
                <a:lnTo>
                  <a:pt x="3977360" y="6325709"/>
                </a:lnTo>
                <a:close/>
                <a:moveTo>
                  <a:pt x="3763457" y="6325709"/>
                </a:moveTo>
                <a:lnTo>
                  <a:pt x="3763457" y="6397010"/>
                </a:lnTo>
                <a:lnTo>
                  <a:pt x="3834758" y="6397010"/>
                </a:lnTo>
                <a:lnTo>
                  <a:pt x="3834758" y="6325709"/>
                </a:lnTo>
                <a:close/>
                <a:moveTo>
                  <a:pt x="3620784" y="6325709"/>
                </a:moveTo>
                <a:lnTo>
                  <a:pt x="3620784" y="6397010"/>
                </a:lnTo>
                <a:lnTo>
                  <a:pt x="3692085" y="6397010"/>
                </a:lnTo>
                <a:lnTo>
                  <a:pt x="3692085" y="6325709"/>
                </a:lnTo>
                <a:close/>
                <a:moveTo>
                  <a:pt x="3478184" y="6325709"/>
                </a:moveTo>
                <a:lnTo>
                  <a:pt x="3478184" y="6397010"/>
                </a:lnTo>
                <a:lnTo>
                  <a:pt x="3549484" y="6397010"/>
                </a:lnTo>
                <a:lnTo>
                  <a:pt x="3549484" y="6325709"/>
                </a:lnTo>
                <a:close/>
                <a:moveTo>
                  <a:pt x="3335511" y="6325709"/>
                </a:moveTo>
                <a:lnTo>
                  <a:pt x="3335511" y="6397010"/>
                </a:lnTo>
                <a:lnTo>
                  <a:pt x="3406811" y="6397010"/>
                </a:lnTo>
                <a:lnTo>
                  <a:pt x="3406811" y="6325709"/>
                </a:lnTo>
                <a:close/>
                <a:moveTo>
                  <a:pt x="3192839" y="6325709"/>
                </a:moveTo>
                <a:lnTo>
                  <a:pt x="3192839" y="6397010"/>
                </a:lnTo>
                <a:lnTo>
                  <a:pt x="3264139" y="6397010"/>
                </a:lnTo>
                <a:lnTo>
                  <a:pt x="3264139" y="6325709"/>
                </a:lnTo>
                <a:close/>
                <a:moveTo>
                  <a:pt x="3050237" y="6325709"/>
                </a:moveTo>
                <a:lnTo>
                  <a:pt x="3050237" y="6397010"/>
                </a:lnTo>
                <a:lnTo>
                  <a:pt x="3121537" y="6397010"/>
                </a:lnTo>
                <a:lnTo>
                  <a:pt x="3121537" y="6325709"/>
                </a:lnTo>
                <a:close/>
                <a:moveTo>
                  <a:pt x="2907564" y="6325709"/>
                </a:moveTo>
                <a:lnTo>
                  <a:pt x="2907564" y="6397010"/>
                </a:lnTo>
                <a:lnTo>
                  <a:pt x="2978865" y="6397010"/>
                </a:lnTo>
                <a:lnTo>
                  <a:pt x="2978865" y="6325709"/>
                </a:lnTo>
                <a:close/>
                <a:moveTo>
                  <a:pt x="2764962" y="6325709"/>
                </a:moveTo>
                <a:lnTo>
                  <a:pt x="2764962" y="6397010"/>
                </a:lnTo>
                <a:lnTo>
                  <a:pt x="2836263" y="6397010"/>
                </a:lnTo>
                <a:lnTo>
                  <a:pt x="2836263" y="6325709"/>
                </a:lnTo>
                <a:close/>
                <a:moveTo>
                  <a:pt x="2622291" y="6325709"/>
                </a:moveTo>
                <a:lnTo>
                  <a:pt x="2622291" y="6397010"/>
                </a:lnTo>
                <a:lnTo>
                  <a:pt x="2693591" y="6397010"/>
                </a:lnTo>
                <a:lnTo>
                  <a:pt x="2693591" y="6325709"/>
                </a:lnTo>
                <a:close/>
                <a:moveTo>
                  <a:pt x="2479688" y="6325709"/>
                </a:moveTo>
                <a:lnTo>
                  <a:pt x="2479688" y="6397010"/>
                </a:lnTo>
                <a:lnTo>
                  <a:pt x="2550990" y="6397010"/>
                </a:lnTo>
                <a:lnTo>
                  <a:pt x="2550990" y="6325709"/>
                </a:lnTo>
                <a:close/>
                <a:moveTo>
                  <a:pt x="2337016" y="6325709"/>
                </a:moveTo>
                <a:lnTo>
                  <a:pt x="2337016" y="6397010"/>
                </a:lnTo>
                <a:lnTo>
                  <a:pt x="2408317" y="6397010"/>
                </a:lnTo>
                <a:lnTo>
                  <a:pt x="2408317" y="6325709"/>
                </a:lnTo>
                <a:close/>
                <a:moveTo>
                  <a:pt x="2195429" y="6325709"/>
                </a:moveTo>
                <a:lnTo>
                  <a:pt x="2195429" y="6397010"/>
                </a:lnTo>
                <a:lnTo>
                  <a:pt x="2266731" y="6397010"/>
                </a:lnTo>
                <a:lnTo>
                  <a:pt x="2266731" y="6325709"/>
                </a:lnTo>
                <a:close/>
                <a:moveTo>
                  <a:pt x="2052828" y="6325709"/>
                </a:moveTo>
                <a:lnTo>
                  <a:pt x="2052828" y="6397010"/>
                </a:lnTo>
                <a:lnTo>
                  <a:pt x="2124128" y="6397010"/>
                </a:lnTo>
                <a:lnTo>
                  <a:pt x="2124128" y="6325709"/>
                </a:lnTo>
                <a:close/>
                <a:moveTo>
                  <a:pt x="1910155" y="6325709"/>
                </a:moveTo>
                <a:lnTo>
                  <a:pt x="1910155" y="6397010"/>
                </a:lnTo>
                <a:lnTo>
                  <a:pt x="1981455" y="6397010"/>
                </a:lnTo>
                <a:lnTo>
                  <a:pt x="1981455" y="6325709"/>
                </a:lnTo>
                <a:close/>
                <a:moveTo>
                  <a:pt x="1767483" y="6325709"/>
                </a:moveTo>
                <a:lnTo>
                  <a:pt x="1767483" y="6397010"/>
                </a:lnTo>
                <a:lnTo>
                  <a:pt x="1838783" y="6397010"/>
                </a:lnTo>
                <a:lnTo>
                  <a:pt x="1838783" y="6325709"/>
                </a:lnTo>
                <a:close/>
                <a:moveTo>
                  <a:pt x="1624882" y="6325709"/>
                </a:moveTo>
                <a:lnTo>
                  <a:pt x="1624882" y="6397010"/>
                </a:lnTo>
                <a:lnTo>
                  <a:pt x="1696183" y="6397010"/>
                </a:lnTo>
                <a:lnTo>
                  <a:pt x="1696183" y="6325709"/>
                </a:lnTo>
                <a:close/>
                <a:moveTo>
                  <a:pt x="1482215" y="6325709"/>
                </a:moveTo>
                <a:lnTo>
                  <a:pt x="1482215" y="6397010"/>
                </a:lnTo>
                <a:lnTo>
                  <a:pt x="1553511" y="6397010"/>
                </a:lnTo>
                <a:lnTo>
                  <a:pt x="1553511" y="6325709"/>
                </a:lnTo>
                <a:close/>
                <a:moveTo>
                  <a:pt x="1339621" y="6325709"/>
                </a:moveTo>
                <a:lnTo>
                  <a:pt x="1339621" y="6397010"/>
                </a:lnTo>
                <a:lnTo>
                  <a:pt x="1410920" y="6397010"/>
                </a:lnTo>
                <a:lnTo>
                  <a:pt x="1410920" y="6325709"/>
                </a:lnTo>
                <a:close/>
                <a:moveTo>
                  <a:pt x="1196941" y="6325709"/>
                </a:moveTo>
                <a:lnTo>
                  <a:pt x="1196941" y="6397010"/>
                </a:lnTo>
                <a:lnTo>
                  <a:pt x="1268245" y="6397010"/>
                </a:lnTo>
                <a:lnTo>
                  <a:pt x="1268245" y="6325709"/>
                </a:lnTo>
                <a:close/>
                <a:moveTo>
                  <a:pt x="1054277" y="6325709"/>
                </a:moveTo>
                <a:lnTo>
                  <a:pt x="1054277" y="6397010"/>
                </a:lnTo>
                <a:lnTo>
                  <a:pt x="1125575" y="6397010"/>
                </a:lnTo>
                <a:lnTo>
                  <a:pt x="1125575" y="6325709"/>
                </a:lnTo>
                <a:close/>
                <a:moveTo>
                  <a:pt x="911663" y="6325709"/>
                </a:moveTo>
                <a:lnTo>
                  <a:pt x="911663" y="6397010"/>
                </a:lnTo>
                <a:lnTo>
                  <a:pt x="982964" y="6397010"/>
                </a:lnTo>
                <a:lnTo>
                  <a:pt x="982964" y="6325709"/>
                </a:lnTo>
                <a:close/>
                <a:moveTo>
                  <a:pt x="769001" y="6325709"/>
                </a:moveTo>
                <a:lnTo>
                  <a:pt x="769001" y="6397010"/>
                </a:lnTo>
                <a:lnTo>
                  <a:pt x="840299" y="6397010"/>
                </a:lnTo>
                <a:lnTo>
                  <a:pt x="840299" y="6325709"/>
                </a:lnTo>
                <a:close/>
                <a:moveTo>
                  <a:pt x="626392" y="6325709"/>
                </a:moveTo>
                <a:lnTo>
                  <a:pt x="626392" y="6397010"/>
                </a:lnTo>
                <a:lnTo>
                  <a:pt x="697691" y="6397010"/>
                </a:lnTo>
                <a:lnTo>
                  <a:pt x="697691" y="6325709"/>
                </a:lnTo>
                <a:close/>
                <a:moveTo>
                  <a:pt x="7044216" y="6183107"/>
                </a:moveTo>
                <a:lnTo>
                  <a:pt x="7044216" y="6254408"/>
                </a:lnTo>
                <a:lnTo>
                  <a:pt x="7115517" y="6254408"/>
                </a:lnTo>
                <a:lnTo>
                  <a:pt x="7115517" y="6183107"/>
                </a:lnTo>
                <a:close/>
                <a:moveTo>
                  <a:pt x="6901543" y="6183107"/>
                </a:moveTo>
                <a:lnTo>
                  <a:pt x="6901543" y="6254408"/>
                </a:lnTo>
                <a:lnTo>
                  <a:pt x="6972844" y="6254408"/>
                </a:lnTo>
                <a:lnTo>
                  <a:pt x="6972844" y="6183107"/>
                </a:lnTo>
                <a:close/>
                <a:moveTo>
                  <a:pt x="6758942" y="6183107"/>
                </a:moveTo>
                <a:lnTo>
                  <a:pt x="6758942" y="6254408"/>
                </a:lnTo>
                <a:lnTo>
                  <a:pt x="6830242" y="6254408"/>
                </a:lnTo>
                <a:lnTo>
                  <a:pt x="6830242" y="6183107"/>
                </a:lnTo>
                <a:close/>
                <a:moveTo>
                  <a:pt x="6616269" y="6183107"/>
                </a:moveTo>
                <a:lnTo>
                  <a:pt x="6616269" y="6254408"/>
                </a:lnTo>
                <a:lnTo>
                  <a:pt x="6687570" y="6254408"/>
                </a:lnTo>
                <a:lnTo>
                  <a:pt x="6687570" y="6183107"/>
                </a:lnTo>
                <a:close/>
                <a:moveTo>
                  <a:pt x="6473667" y="6183107"/>
                </a:moveTo>
                <a:lnTo>
                  <a:pt x="6473667" y="6254408"/>
                </a:lnTo>
                <a:lnTo>
                  <a:pt x="6544968" y="6254408"/>
                </a:lnTo>
                <a:lnTo>
                  <a:pt x="6544968" y="6183107"/>
                </a:lnTo>
                <a:close/>
                <a:moveTo>
                  <a:pt x="6330995" y="6183107"/>
                </a:moveTo>
                <a:lnTo>
                  <a:pt x="6330995" y="6254408"/>
                </a:lnTo>
                <a:lnTo>
                  <a:pt x="6402296" y="6254408"/>
                </a:lnTo>
                <a:lnTo>
                  <a:pt x="6402296" y="6183107"/>
                </a:lnTo>
                <a:close/>
                <a:moveTo>
                  <a:pt x="6188393" y="6183107"/>
                </a:moveTo>
                <a:lnTo>
                  <a:pt x="6188393" y="6254408"/>
                </a:lnTo>
                <a:lnTo>
                  <a:pt x="6259694" y="6254408"/>
                </a:lnTo>
                <a:lnTo>
                  <a:pt x="6259694" y="6183107"/>
                </a:lnTo>
                <a:close/>
                <a:moveTo>
                  <a:pt x="6045721" y="6183107"/>
                </a:moveTo>
                <a:lnTo>
                  <a:pt x="6045721" y="6254408"/>
                </a:lnTo>
                <a:lnTo>
                  <a:pt x="6117021" y="6254408"/>
                </a:lnTo>
                <a:lnTo>
                  <a:pt x="6117021" y="6183107"/>
                </a:lnTo>
                <a:close/>
                <a:moveTo>
                  <a:pt x="5903048" y="6183107"/>
                </a:moveTo>
                <a:lnTo>
                  <a:pt x="5903048" y="6254408"/>
                </a:lnTo>
                <a:lnTo>
                  <a:pt x="5974349" y="6254408"/>
                </a:lnTo>
                <a:lnTo>
                  <a:pt x="5974349" y="6183107"/>
                </a:lnTo>
                <a:close/>
                <a:moveTo>
                  <a:pt x="5760447" y="6183107"/>
                </a:moveTo>
                <a:lnTo>
                  <a:pt x="5760447" y="6254408"/>
                </a:lnTo>
                <a:lnTo>
                  <a:pt x="5831748" y="6254408"/>
                </a:lnTo>
                <a:lnTo>
                  <a:pt x="5831748" y="6183107"/>
                </a:lnTo>
                <a:close/>
                <a:moveTo>
                  <a:pt x="5617774" y="6183107"/>
                </a:moveTo>
                <a:lnTo>
                  <a:pt x="5617774" y="6254408"/>
                </a:lnTo>
                <a:lnTo>
                  <a:pt x="5689075" y="6254408"/>
                </a:lnTo>
                <a:lnTo>
                  <a:pt x="5689075" y="6183107"/>
                </a:lnTo>
                <a:close/>
                <a:moveTo>
                  <a:pt x="5475173" y="6183107"/>
                </a:moveTo>
                <a:lnTo>
                  <a:pt x="5475173" y="6254408"/>
                </a:lnTo>
                <a:lnTo>
                  <a:pt x="5546474" y="6254408"/>
                </a:lnTo>
                <a:lnTo>
                  <a:pt x="5546474" y="6183107"/>
                </a:lnTo>
                <a:close/>
                <a:moveTo>
                  <a:pt x="5332500" y="6183107"/>
                </a:moveTo>
                <a:lnTo>
                  <a:pt x="5332500" y="6254408"/>
                </a:lnTo>
                <a:lnTo>
                  <a:pt x="5403801" y="6254408"/>
                </a:lnTo>
                <a:lnTo>
                  <a:pt x="5403801" y="6183107"/>
                </a:lnTo>
                <a:close/>
                <a:moveTo>
                  <a:pt x="5189828" y="6183107"/>
                </a:moveTo>
                <a:lnTo>
                  <a:pt x="5189828" y="6254408"/>
                </a:lnTo>
                <a:lnTo>
                  <a:pt x="5261129" y="6254408"/>
                </a:lnTo>
                <a:lnTo>
                  <a:pt x="5261129" y="6183107"/>
                </a:lnTo>
                <a:close/>
                <a:moveTo>
                  <a:pt x="5047226" y="6183107"/>
                </a:moveTo>
                <a:lnTo>
                  <a:pt x="5047226" y="6254408"/>
                </a:lnTo>
                <a:lnTo>
                  <a:pt x="5118527" y="6254408"/>
                </a:lnTo>
                <a:lnTo>
                  <a:pt x="5118527" y="6183107"/>
                </a:lnTo>
                <a:close/>
                <a:moveTo>
                  <a:pt x="4904553" y="6183107"/>
                </a:moveTo>
                <a:lnTo>
                  <a:pt x="4904553" y="6254408"/>
                </a:lnTo>
                <a:lnTo>
                  <a:pt x="4975854" y="6254408"/>
                </a:lnTo>
                <a:lnTo>
                  <a:pt x="4975854" y="6183107"/>
                </a:lnTo>
                <a:close/>
                <a:moveTo>
                  <a:pt x="4761952" y="6183107"/>
                </a:moveTo>
                <a:lnTo>
                  <a:pt x="4761952" y="6254408"/>
                </a:lnTo>
                <a:lnTo>
                  <a:pt x="4833253" y="6254408"/>
                </a:lnTo>
                <a:lnTo>
                  <a:pt x="4833253" y="6183107"/>
                </a:lnTo>
                <a:close/>
                <a:moveTo>
                  <a:pt x="4619279" y="6183107"/>
                </a:moveTo>
                <a:lnTo>
                  <a:pt x="4619279" y="6254408"/>
                </a:lnTo>
                <a:lnTo>
                  <a:pt x="4690580" y="6254408"/>
                </a:lnTo>
                <a:lnTo>
                  <a:pt x="4690580" y="6183107"/>
                </a:lnTo>
                <a:close/>
                <a:moveTo>
                  <a:pt x="4476678" y="6183107"/>
                </a:moveTo>
                <a:lnTo>
                  <a:pt x="4476678" y="6254408"/>
                </a:lnTo>
                <a:lnTo>
                  <a:pt x="4547979" y="6254408"/>
                </a:lnTo>
                <a:lnTo>
                  <a:pt x="4547979" y="6183107"/>
                </a:lnTo>
                <a:close/>
                <a:moveTo>
                  <a:pt x="4334005" y="6183107"/>
                </a:moveTo>
                <a:lnTo>
                  <a:pt x="4334005" y="6254408"/>
                </a:lnTo>
                <a:lnTo>
                  <a:pt x="4405306" y="6254408"/>
                </a:lnTo>
                <a:lnTo>
                  <a:pt x="4405306" y="6183107"/>
                </a:lnTo>
                <a:close/>
                <a:moveTo>
                  <a:pt x="4191404" y="6183107"/>
                </a:moveTo>
                <a:lnTo>
                  <a:pt x="4191404" y="6254408"/>
                </a:lnTo>
                <a:lnTo>
                  <a:pt x="4262705" y="6254408"/>
                </a:lnTo>
                <a:lnTo>
                  <a:pt x="4262705" y="6183107"/>
                </a:lnTo>
                <a:close/>
                <a:moveTo>
                  <a:pt x="4048731" y="6183107"/>
                </a:moveTo>
                <a:lnTo>
                  <a:pt x="4048731" y="6254408"/>
                </a:lnTo>
                <a:lnTo>
                  <a:pt x="4120032" y="6254408"/>
                </a:lnTo>
                <a:lnTo>
                  <a:pt x="4120032" y="6183107"/>
                </a:lnTo>
                <a:close/>
                <a:moveTo>
                  <a:pt x="3906059" y="6183107"/>
                </a:moveTo>
                <a:lnTo>
                  <a:pt x="3906059" y="6254408"/>
                </a:lnTo>
                <a:lnTo>
                  <a:pt x="3977360" y="6254408"/>
                </a:lnTo>
                <a:lnTo>
                  <a:pt x="3977360" y="6183107"/>
                </a:lnTo>
                <a:close/>
                <a:moveTo>
                  <a:pt x="3763457" y="6183107"/>
                </a:moveTo>
                <a:lnTo>
                  <a:pt x="3763457" y="6254408"/>
                </a:lnTo>
                <a:lnTo>
                  <a:pt x="3834758" y="6254408"/>
                </a:lnTo>
                <a:lnTo>
                  <a:pt x="3834758" y="6183107"/>
                </a:lnTo>
                <a:close/>
                <a:moveTo>
                  <a:pt x="3620784" y="6183107"/>
                </a:moveTo>
                <a:lnTo>
                  <a:pt x="3620784" y="6254408"/>
                </a:lnTo>
                <a:lnTo>
                  <a:pt x="3692085" y="6254408"/>
                </a:lnTo>
                <a:lnTo>
                  <a:pt x="3692085" y="6183107"/>
                </a:lnTo>
                <a:close/>
                <a:moveTo>
                  <a:pt x="3478184" y="6183107"/>
                </a:moveTo>
                <a:lnTo>
                  <a:pt x="3478184" y="6254408"/>
                </a:lnTo>
                <a:lnTo>
                  <a:pt x="3549484" y="6254408"/>
                </a:lnTo>
                <a:lnTo>
                  <a:pt x="3549484" y="6183107"/>
                </a:lnTo>
                <a:close/>
                <a:moveTo>
                  <a:pt x="3335511" y="6183107"/>
                </a:moveTo>
                <a:lnTo>
                  <a:pt x="3335511" y="6254408"/>
                </a:lnTo>
                <a:lnTo>
                  <a:pt x="3406811" y="6254408"/>
                </a:lnTo>
                <a:lnTo>
                  <a:pt x="3406811" y="6183107"/>
                </a:lnTo>
                <a:close/>
                <a:moveTo>
                  <a:pt x="3192839" y="6183107"/>
                </a:moveTo>
                <a:lnTo>
                  <a:pt x="3192839" y="6254408"/>
                </a:lnTo>
                <a:lnTo>
                  <a:pt x="3264139" y="6254408"/>
                </a:lnTo>
                <a:lnTo>
                  <a:pt x="3264139" y="6183107"/>
                </a:lnTo>
                <a:close/>
                <a:moveTo>
                  <a:pt x="3050237" y="6183107"/>
                </a:moveTo>
                <a:lnTo>
                  <a:pt x="3050237" y="6254408"/>
                </a:lnTo>
                <a:lnTo>
                  <a:pt x="3121537" y="6254408"/>
                </a:lnTo>
                <a:lnTo>
                  <a:pt x="3121537" y="6183107"/>
                </a:lnTo>
                <a:close/>
                <a:moveTo>
                  <a:pt x="2907564" y="6183107"/>
                </a:moveTo>
                <a:lnTo>
                  <a:pt x="2907564" y="6254408"/>
                </a:lnTo>
                <a:lnTo>
                  <a:pt x="2978865" y="6254408"/>
                </a:lnTo>
                <a:lnTo>
                  <a:pt x="2978865" y="6183107"/>
                </a:lnTo>
                <a:close/>
                <a:moveTo>
                  <a:pt x="2764962" y="6183107"/>
                </a:moveTo>
                <a:lnTo>
                  <a:pt x="2764962" y="6254408"/>
                </a:lnTo>
                <a:lnTo>
                  <a:pt x="2836263" y="6254408"/>
                </a:lnTo>
                <a:lnTo>
                  <a:pt x="2836263" y="6183107"/>
                </a:lnTo>
                <a:close/>
                <a:moveTo>
                  <a:pt x="2622291" y="6183107"/>
                </a:moveTo>
                <a:lnTo>
                  <a:pt x="2622291" y="6254408"/>
                </a:lnTo>
                <a:lnTo>
                  <a:pt x="2693591" y="6254408"/>
                </a:lnTo>
                <a:lnTo>
                  <a:pt x="2693591" y="6183107"/>
                </a:lnTo>
                <a:close/>
                <a:moveTo>
                  <a:pt x="2479688" y="6183107"/>
                </a:moveTo>
                <a:lnTo>
                  <a:pt x="2479688" y="6254408"/>
                </a:lnTo>
                <a:lnTo>
                  <a:pt x="2550990" y="6254408"/>
                </a:lnTo>
                <a:lnTo>
                  <a:pt x="2550990" y="6183107"/>
                </a:lnTo>
                <a:close/>
                <a:moveTo>
                  <a:pt x="2337016" y="6183107"/>
                </a:moveTo>
                <a:lnTo>
                  <a:pt x="2337016" y="6254408"/>
                </a:lnTo>
                <a:lnTo>
                  <a:pt x="2408317" y="6254408"/>
                </a:lnTo>
                <a:lnTo>
                  <a:pt x="2408317" y="6183107"/>
                </a:lnTo>
                <a:close/>
                <a:moveTo>
                  <a:pt x="2195429" y="6183107"/>
                </a:moveTo>
                <a:lnTo>
                  <a:pt x="2195429" y="6254408"/>
                </a:lnTo>
                <a:lnTo>
                  <a:pt x="2266731" y="6254408"/>
                </a:lnTo>
                <a:lnTo>
                  <a:pt x="2266731" y="6183107"/>
                </a:lnTo>
                <a:close/>
                <a:moveTo>
                  <a:pt x="2052828" y="6183107"/>
                </a:moveTo>
                <a:lnTo>
                  <a:pt x="2052828" y="6254408"/>
                </a:lnTo>
                <a:lnTo>
                  <a:pt x="2124128" y="6254408"/>
                </a:lnTo>
                <a:lnTo>
                  <a:pt x="2124128" y="6183107"/>
                </a:lnTo>
                <a:close/>
                <a:moveTo>
                  <a:pt x="1910155" y="6183107"/>
                </a:moveTo>
                <a:lnTo>
                  <a:pt x="1910155" y="6254408"/>
                </a:lnTo>
                <a:lnTo>
                  <a:pt x="1981455" y="6254408"/>
                </a:lnTo>
                <a:lnTo>
                  <a:pt x="1981455" y="6183107"/>
                </a:lnTo>
                <a:close/>
                <a:moveTo>
                  <a:pt x="1767483" y="6183107"/>
                </a:moveTo>
                <a:lnTo>
                  <a:pt x="1767483" y="6254408"/>
                </a:lnTo>
                <a:lnTo>
                  <a:pt x="1838783" y="6254408"/>
                </a:lnTo>
                <a:lnTo>
                  <a:pt x="1838783" y="6183107"/>
                </a:lnTo>
                <a:close/>
                <a:moveTo>
                  <a:pt x="1624882" y="6183107"/>
                </a:moveTo>
                <a:lnTo>
                  <a:pt x="1624882" y="6254408"/>
                </a:lnTo>
                <a:lnTo>
                  <a:pt x="1696183" y="6254408"/>
                </a:lnTo>
                <a:lnTo>
                  <a:pt x="1696183" y="6183107"/>
                </a:lnTo>
                <a:close/>
                <a:moveTo>
                  <a:pt x="1482215" y="6183107"/>
                </a:moveTo>
                <a:lnTo>
                  <a:pt x="1482215" y="6254408"/>
                </a:lnTo>
                <a:lnTo>
                  <a:pt x="1553511" y="6254408"/>
                </a:lnTo>
                <a:lnTo>
                  <a:pt x="1553511" y="6183107"/>
                </a:lnTo>
                <a:close/>
                <a:moveTo>
                  <a:pt x="1339621" y="6183107"/>
                </a:moveTo>
                <a:lnTo>
                  <a:pt x="1339621" y="6254408"/>
                </a:lnTo>
                <a:lnTo>
                  <a:pt x="1410920" y="6254408"/>
                </a:lnTo>
                <a:lnTo>
                  <a:pt x="1410920" y="6183107"/>
                </a:lnTo>
                <a:close/>
                <a:moveTo>
                  <a:pt x="1196948" y="6183107"/>
                </a:moveTo>
                <a:lnTo>
                  <a:pt x="1196948" y="6254408"/>
                </a:lnTo>
                <a:lnTo>
                  <a:pt x="1268245" y="6254408"/>
                </a:lnTo>
                <a:lnTo>
                  <a:pt x="1268245" y="6183107"/>
                </a:lnTo>
                <a:close/>
                <a:moveTo>
                  <a:pt x="1054277" y="6183107"/>
                </a:moveTo>
                <a:lnTo>
                  <a:pt x="1054277" y="6254408"/>
                </a:lnTo>
                <a:lnTo>
                  <a:pt x="1125575" y="6254408"/>
                </a:lnTo>
                <a:lnTo>
                  <a:pt x="1125575" y="6183107"/>
                </a:lnTo>
                <a:close/>
                <a:moveTo>
                  <a:pt x="911663" y="6183107"/>
                </a:moveTo>
                <a:lnTo>
                  <a:pt x="911663" y="6254408"/>
                </a:lnTo>
                <a:lnTo>
                  <a:pt x="982964" y="6254408"/>
                </a:lnTo>
                <a:lnTo>
                  <a:pt x="982964" y="6183107"/>
                </a:lnTo>
                <a:close/>
                <a:moveTo>
                  <a:pt x="769001" y="6183107"/>
                </a:moveTo>
                <a:lnTo>
                  <a:pt x="769001" y="6254408"/>
                </a:lnTo>
                <a:lnTo>
                  <a:pt x="840299" y="6254408"/>
                </a:lnTo>
                <a:lnTo>
                  <a:pt x="840299" y="6183107"/>
                </a:lnTo>
                <a:close/>
                <a:moveTo>
                  <a:pt x="7329490" y="6040435"/>
                </a:moveTo>
                <a:lnTo>
                  <a:pt x="7329490" y="6111736"/>
                </a:lnTo>
                <a:lnTo>
                  <a:pt x="7400791" y="6111736"/>
                </a:lnTo>
                <a:lnTo>
                  <a:pt x="7400791" y="6040435"/>
                </a:lnTo>
                <a:close/>
                <a:moveTo>
                  <a:pt x="7186888" y="6040435"/>
                </a:moveTo>
                <a:lnTo>
                  <a:pt x="7186888" y="6111736"/>
                </a:lnTo>
                <a:lnTo>
                  <a:pt x="7258188" y="6111736"/>
                </a:lnTo>
                <a:lnTo>
                  <a:pt x="7258188" y="6040435"/>
                </a:lnTo>
                <a:close/>
                <a:moveTo>
                  <a:pt x="7044216" y="6040435"/>
                </a:moveTo>
                <a:lnTo>
                  <a:pt x="7044216" y="6111736"/>
                </a:lnTo>
                <a:lnTo>
                  <a:pt x="7115517" y="6111736"/>
                </a:lnTo>
                <a:lnTo>
                  <a:pt x="7115517" y="6040435"/>
                </a:lnTo>
                <a:close/>
                <a:moveTo>
                  <a:pt x="6901543" y="6040435"/>
                </a:moveTo>
                <a:lnTo>
                  <a:pt x="6901543" y="6111736"/>
                </a:lnTo>
                <a:lnTo>
                  <a:pt x="6972844" y="6111736"/>
                </a:lnTo>
                <a:lnTo>
                  <a:pt x="6972844" y="6040435"/>
                </a:lnTo>
                <a:close/>
                <a:moveTo>
                  <a:pt x="6758942" y="6040435"/>
                </a:moveTo>
                <a:lnTo>
                  <a:pt x="6758942" y="6111736"/>
                </a:lnTo>
                <a:lnTo>
                  <a:pt x="6830242" y="6111736"/>
                </a:lnTo>
                <a:lnTo>
                  <a:pt x="6830242" y="6040435"/>
                </a:lnTo>
                <a:close/>
                <a:moveTo>
                  <a:pt x="6616269" y="6040435"/>
                </a:moveTo>
                <a:lnTo>
                  <a:pt x="6616269" y="6111736"/>
                </a:lnTo>
                <a:lnTo>
                  <a:pt x="6687570" y="6111736"/>
                </a:lnTo>
                <a:lnTo>
                  <a:pt x="6687570" y="6040435"/>
                </a:lnTo>
                <a:close/>
                <a:moveTo>
                  <a:pt x="6473667" y="6040435"/>
                </a:moveTo>
                <a:lnTo>
                  <a:pt x="6473667" y="6111736"/>
                </a:lnTo>
                <a:lnTo>
                  <a:pt x="6544968" y="6111736"/>
                </a:lnTo>
                <a:lnTo>
                  <a:pt x="6544968" y="6040435"/>
                </a:lnTo>
                <a:close/>
                <a:moveTo>
                  <a:pt x="6330995" y="6040435"/>
                </a:moveTo>
                <a:lnTo>
                  <a:pt x="6330995" y="6111736"/>
                </a:lnTo>
                <a:lnTo>
                  <a:pt x="6402296" y="6111736"/>
                </a:lnTo>
                <a:lnTo>
                  <a:pt x="6402296" y="6040435"/>
                </a:lnTo>
                <a:close/>
                <a:moveTo>
                  <a:pt x="6188393" y="6040435"/>
                </a:moveTo>
                <a:lnTo>
                  <a:pt x="6188393" y="6111736"/>
                </a:lnTo>
                <a:lnTo>
                  <a:pt x="6259694" y="6111736"/>
                </a:lnTo>
                <a:lnTo>
                  <a:pt x="6259694" y="6040435"/>
                </a:lnTo>
                <a:close/>
                <a:moveTo>
                  <a:pt x="6045721" y="6040435"/>
                </a:moveTo>
                <a:lnTo>
                  <a:pt x="6045721" y="6111736"/>
                </a:lnTo>
                <a:lnTo>
                  <a:pt x="6117021" y="6111736"/>
                </a:lnTo>
                <a:lnTo>
                  <a:pt x="6117021" y="6040435"/>
                </a:lnTo>
                <a:close/>
                <a:moveTo>
                  <a:pt x="5903048" y="6040435"/>
                </a:moveTo>
                <a:lnTo>
                  <a:pt x="5903048" y="6111736"/>
                </a:lnTo>
                <a:lnTo>
                  <a:pt x="5974349" y="6111736"/>
                </a:lnTo>
                <a:lnTo>
                  <a:pt x="5974349" y="6040435"/>
                </a:lnTo>
                <a:close/>
                <a:moveTo>
                  <a:pt x="5760447" y="6040435"/>
                </a:moveTo>
                <a:lnTo>
                  <a:pt x="5760447" y="6111736"/>
                </a:lnTo>
                <a:lnTo>
                  <a:pt x="5831748" y="6111736"/>
                </a:lnTo>
                <a:lnTo>
                  <a:pt x="5831748" y="6040435"/>
                </a:lnTo>
                <a:close/>
                <a:moveTo>
                  <a:pt x="5617774" y="6040435"/>
                </a:moveTo>
                <a:lnTo>
                  <a:pt x="5617774" y="6111736"/>
                </a:lnTo>
                <a:lnTo>
                  <a:pt x="5689075" y="6111736"/>
                </a:lnTo>
                <a:lnTo>
                  <a:pt x="5689075" y="6040435"/>
                </a:lnTo>
                <a:close/>
                <a:moveTo>
                  <a:pt x="5475173" y="6040435"/>
                </a:moveTo>
                <a:lnTo>
                  <a:pt x="5475173" y="6111736"/>
                </a:lnTo>
                <a:lnTo>
                  <a:pt x="5546474" y="6111736"/>
                </a:lnTo>
                <a:lnTo>
                  <a:pt x="5546474" y="6040435"/>
                </a:lnTo>
                <a:close/>
                <a:moveTo>
                  <a:pt x="5332500" y="6040435"/>
                </a:moveTo>
                <a:lnTo>
                  <a:pt x="5332500" y="6111736"/>
                </a:lnTo>
                <a:lnTo>
                  <a:pt x="5403801" y="6111736"/>
                </a:lnTo>
                <a:lnTo>
                  <a:pt x="5403801" y="6040435"/>
                </a:lnTo>
                <a:close/>
                <a:moveTo>
                  <a:pt x="5189828" y="6040435"/>
                </a:moveTo>
                <a:lnTo>
                  <a:pt x="5189828" y="6111736"/>
                </a:lnTo>
                <a:lnTo>
                  <a:pt x="5261129" y="6111736"/>
                </a:lnTo>
                <a:lnTo>
                  <a:pt x="5261129" y="6040435"/>
                </a:lnTo>
                <a:close/>
                <a:moveTo>
                  <a:pt x="5047226" y="6040435"/>
                </a:moveTo>
                <a:lnTo>
                  <a:pt x="5047226" y="6111736"/>
                </a:lnTo>
                <a:lnTo>
                  <a:pt x="5118527" y="6111736"/>
                </a:lnTo>
                <a:lnTo>
                  <a:pt x="5118527" y="6040435"/>
                </a:lnTo>
                <a:close/>
                <a:moveTo>
                  <a:pt x="4904553" y="6040435"/>
                </a:moveTo>
                <a:lnTo>
                  <a:pt x="4904553" y="6111736"/>
                </a:lnTo>
                <a:lnTo>
                  <a:pt x="4975854" y="6111736"/>
                </a:lnTo>
                <a:lnTo>
                  <a:pt x="4975854" y="6040435"/>
                </a:lnTo>
                <a:close/>
                <a:moveTo>
                  <a:pt x="4761952" y="6040435"/>
                </a:moveTo>
                <a:lnTo>
                  <a:pt x="4761952" y="6111736"/>
                </a:lnTo>
                <a:lnTo>
                  <a:pt x="4833253" y="6111736"/>
                </a:lnTo>
                <a:lnTo>
                  <a:pt x="4833253" y="6040435"/>
                </a:lnTo>
                <a:close/>
                <a:moveTo>
                  <a:pt x="4619279" y="6040435"/>
                </a:moveTo>
                <a:lnTo>
                  <a:pt x="4619279" y="6111736"/>
                </a:lnTo>
                <a:lnTo>
                  <a:pt x="4690580" y="6111736"/>
                </a:lnTo>
                <a:lnTo>
                  <a:pt x="4690580" y="6040435"/>
                </a:lnTo>
                <a:close/>
                <a:moveTo>
                  <a:pt x="4476678" y="6040435"/>
                </a:moveTo>
                <a:lnTo>
                  <a:pt x="4476678" y="6111736"/>
                </a:lnTo>
                <a:lnTo>
                  <a:pt x="4547979" y="6111736"/>
                </a:lnTo>
                <a:lnTo>
                  <a:pt x="4547979" y="6040435"/>
                </a:lnTo>
                <a:close/>
                <a:moveTo>
                  <a:pt x="4334005" y="6040435"/>
                </a:moveTo>
                <a:lnTo>
                  <a:pt x="4334005" y="6111736"/>
                </a:lnTo>
                <a:lnTo>
                  <a:pt x="4405306" y="6111736"/>
                </a:lnTo>
                <a:lnTo>
                  <a:pt x="4405306" y="6040435"/>
                </a:lnTo>
                <a:close/>
                <a:moveTo>
                  <a:pt x="4191404" y="6040435"/>
                </a:moveTo>
                <a:lnTo>
                  <a:pt x="4191404" y="6111736"/>
                </a:lnTo>
                <a:lnTo>
                  <a:pt x="4262705" y="6111736"/>
                </a:lnTo>
                <a:lnTo>
                  <a:pt x="4262705" y="6040435"/>
                </a:lnTo>
                <a:close/>
                <a:moveTo>
                  <a:pt x="4048731" y="6040435"/>
                </a:moveTo>
                <a:lnTo>
                  <a:pt x="4048731" y="6111736"/>
                </a:lnTo>
                <a:lnTo>
                  <a:pt x="4120032" y="6111736"/>
                </a:lnTo>
                <a:lnTo>
                  <a:pt x="4120032" y="6040435"/>
                </a:lnTo>
                <a:close/>
                <a:moveTo>
                  <a:pt x="3906059" y="6040435"/>
                </a:moveTo>
                <a:lnTo>
                  <a:pt x="3906059" y="6111736"/>
                </a:lnTo>
                <a:lnTo>
                  <a:pt x="3977360" y="6111736"/>
                </a:lnTo>
                <a:lnTo>
                  <a:pt x="3977360" y="6040435"/>
                </a:lnTo>
                <a:close/>
                <a:moveTo>
                  <a:pt x="3763457" y="6040435"/>
                </a:moveTo>
                <a:lnTo>
                  <a:pt x="3763457" y="6111736"/>
                </a:lnTo>
                <a:lnTo>
                  <a:pt x="3834758" y="6111736"/>
                </a:lnTo>
                <a:lnTo>
                  <a:pt x="3834758" y="6040435"/>
                </a:lnTo>
                <a:close/>
                <a:moveTo>
                  <a:pt x="3620784" y="6040435"/>
                </a:moveTo>
                <a:lnTo>
                  <a:pt x="3620784" y="6111736"/>
                </a:lnTo>
                <a:lnTo>
                  <a:pt x="3692085" y="6111736"/>
                </a:lnTo>
                <a:lnTo>
                  <a:pt x="3692085" y="6040435"/>
                </a:lnTo>
                <a:close/>
                <a:moveTo>
                  <a:pt x="3478184" y="6040435"/>
                </a:moveTo>
                <a:lnTo>
                  <a:pt x="3478184" y="6111736"/>
                </a:lnTo>
                <a:lnTo>
                  <a:pt x="3549484" y="6111736"/>
                </a:lnTo>
                <a:lnTo>
                  <a:pt x="3549484" y="6040435"/>
                </a:lnTo>
                <a:close/>
                <a:moveTo>
                  <a:pt x="3335511" y="6040435"/>
                </a:moveTo>
                <a:lnTo>
                  <a:pt x="3335511" y="6111736"/>
                </a:lnTo>
                <a:lnTo>
                  <a:pt x="3406811" y="6111736"/>
                </a:lnTo>
                <a:lnTo>
                  <a:pt x="3406811" y="6040435"/>
                </a:lnTo>
                <a:close/>
                <a:moveTo>
                  <a:pt x="3192839" y="6040435"/>
                </a:moveTo>
                <a:lnTo>
                  <a:pt x="3192839" y="6111736"/>
                </a:lnTo>
                <a:lnTo>
                  <a:pt x="3264139" y="6111736"/>
                </a:lnTo>
                <a:lnTo>
                  <a:pt x="3264139" y="6040435"/>
                </a:lnTo>
                <a:close/>
                <a:moveTo>
                  <a:pt x="3050237" y="6040435"/>
                </a:moveTo>
                <a:lnTo>
                  <a:pt x="3050237" y="6111736"/>
                </a:lnTo>
                <a:lnTo>
                  <a:pt x="3121537" y="6111736"/>
                </a:lnTo>
                <a:lnTo>
                  <a:pt x="3121537" y="6040435"/>
                </a:lnTo>
                <a:close/>
                <a:moveTo>
                  <a:pt x="2907564" y="6040435"/>
                </a:moveTo>
                <a:lnTo>
                  <a:pt x="2907564" y="6111736"/>
                </a:lnTo>
                <a:lnTo>
                  <a:pt x="2978865" y="6111736"/>
                </a:lnTo>
                <a:lnTo>
                  <a:pt x="2978865" y="6040435"/>
                </a:lnTo>
                <a:close/>
                <a:moveTo>
                  <a:pt x="2764962" y="6040435"/>
                </a:moveTo>
                <a:lnTo>
                  <a:pt x="2764962" y="6111736"/>
                </a:lnTo>
                <a:lnTo>
                  <a:pt x="2836263" y="6111736"/>
                </a:lnTo>
                <a:lnTo>
                  <a:pt x="2836263" y="6040435"/>
                </a:lnTo>
                <a:close/>
                <a:moveTo>
                  <a:pt x="2622291" y="6040435"/>
                </a:moveTo>
                <a:lnTo>
                  <a:pt x="2622291" y="6111736"/>
                </a:lnTo>
                <a:lnTo>
                  <a:pt x="2693591" y="6111736"/>
                </a:lnTo>
                <a:lnTo>
                  <a:pt x="2693591" y="6040435"/>
                </a:lnTo>
                <a:close/>
                <a:moveTo>
                  <a:pt x="2479688" y="6040435"/>
                </a:moveTo>
                <a:lnTo>
                  <a:pt x="2479688" y="6111736"/>
                </a:lnTo>
                <a:lnTo>
                  <a:pt x="2550990" y="6111736"/>
                </a:lnTo>
                <a:lnTo>
                  <a:pt x="2550990" y="6040435"/>
                </a:lnTo>
                <a:close/>
                <a:moveTo>
                  <a:pt x="2337016" y="6040435"/>
                </a:moveTo>
                <a:lnTo>
                  <a:pt x="2337016" y="6111736"/>
                </a:lnTo>
                <a:lnTo>
                  <a:pt x="2408317" y="6111736"/>
                </a:lnTo>
                <a:lnTo>
                  <a:pt x="2408317" y="6040435"/>
                </a:lnTo>
                <a:close/>
                <a:moveTo>
                  <a:pt x="2195429" y="6040435"/>
                </a:moveTo>
                <a:lnTo>
                  <a:pt x="2195429" y="6111736"/>
                </a:lnTo>
                <a:lnTo>
                  <a:pt x="2266731" y="6111736"/>
                </a:lnTo>
                <a:lnTo>
                  <a:pt x="2266731" y="6040435"/>
                </a:lnTo>
                <a:close/>
                <a:moveTo>
                  <a:pt x="2052828" y="6040435"/>
                </a:moveTo>
                <a:lnTo>
                  <a:pt x="2052828" y="6111736"/>
                </a:lnTo>
                <a:lnTo>
                  <a:pt x="2124128" y="6111736"/>
                </a:lnTo>
                <a:lnTo>
                  <a:pt x="2124128" y="6040435"/>
                </a:lnTo>
                <a:close/>
                <a:moveTo>
                  <a:pt x="1910155" y="6040435"/>
                </a:moveTo>
                <a:lnTo>
                  <a:pt x="1910155" y="6111736"/>
                </a:lnTo>
                <a:lnTo>
                  <a:pt x="1981455" y="6111736"/>
                </a:lnTo>
                <a:lnTo>
                  <a:pt x="1981455" y="6040435"/>
                </a:lnTo>
                <a:close/>
                <a:moveTo>
                  <a:pt x="1767483" y="6040435"/>
                </a:moveTo>
                <a:lnTo>
                  <a:pt x="1767483" y="6111736"/>
                </a:lnTo>
                <a:lnTo>
                  <a:pt x="1838783" y="6111736"/>
                </a:lnTo>
                <a:lnTo>
                  <a:pt x="1838783" y="6040435"/>
                </a:lnTo>
                <a:close/>
                <a:moveTo>
                  <a:pt x="1624882" y="6040435"/>
                </a:moveTo>
                <a:lnTo>
                  <a:pt x="1624882" y="6111736"/>
                </a:lnTo>
                <a:lnTo>
                  <a:pt x="1696183" y="6111736"/>
                </a:lnTo>
                <a:lnTo>
                  <a:pt x="1696183" y="6040435"/>
                </a:lnTo>
                <a:close/>
                <a:moveTo>
                  <a:pt x="1482218" y="6040435"/>
                </a:moveTo>
                <a:lnTo>
                  <a:pt x="1482218" y="6111736"/>
                </a:lnTo>
                <a:lnTo>
                  <a:pt x="1553511" y="6111736"/>
                </a:lnTo>
                <a:lnTo>
                  <a:pt x="1553511" y="6040435"/>
                </a:lnTo>
                <a:close/>
                <a:moveTo>
                  <a:pt x="1339621" y="6040435"/>
                </a:moveTo>
                <a:lnTo>
                  <a:pt x="1339621" y="6111736"/>
                </a:lnTo>
                <a:lnTo>
                  <a:pt x="1410920" y="6111736"/>
                </a:lnTo>
                <a:lnTo>
                  <a:pt x="1410920" y="6040435"/>
                </a:lnTo>
                <a:close/>
                <a:moveTo>
                  <a:pt x="1196948" y="6040435"/>
                </a:moveTo>
                <a:lnTo>
                  <a:pt x="1196948" y="6111736"/>
                </a:lnTo>
                <a:lnTo>
                  <a:pt x="1268245" y="6111736"/>
                </a:lnTo>
                <a:lnTo>
                  <a:pt x="1268245" y="6040435"/>
                </a:lnTo>
                <a:close/>
                <a:moveTo>
                  <a:pt x="1054277" y="6040435"/>
                </a:moveTo>
                <a:lnTo>
                  <a:pt x="1054277" y="6111736"/>
                </a:lnTo>
                <a:lnTo>
                  <a:pt x="1125575" y="6111736"/>
                </a:lnTo>
                <a:lnTo>
                  <a:pt x="1125575" y="6040435"/>
                </a:lnTo>
                <a:close/>
                <a:moveTo>
                  <a:pt x="911663" y="6040435"/>
                </a:moveTo>
                <a:lnTo>
                  <a:pt x="911663" y="6111736"/>
                </a:lnTo>
                <a:lnTo>
                  <a:pt x="982964" y="6111736"/>
                </a:lnTo>
                <a:lnTo>
                  <a:pt x="982964" y="6040435"/>
                </a:lnTo>
                <a:close/>
                <a:moveTo>
                  <a:pt x="6857645" y="0"/>
                </a:moveTo>
                <a:lnTo>
                  <a:pt x="9497977" y="0"/>
                </a:lnTo>
                <a:lnTo>
                  <a:pt x="9497977" y="6857968"/>
                </a:lnTo>
                <a:lnTo>
                  <a:pt x="0" y="6857968"/>
                </a:lnTo>
                <a:lnTo>
                  <a:pt x="341118" y="6516838"/>
                </a:lnTo>
                <a:lnTo>
                  <a:pt x="341118" y="6545648"/>
                </a:lnTo>
                <a:lnTo>
                  <a:pt x="412416" y="6545648"/>
                </a:lnTo>
                <a:lnTo>
                  <a:pt x="412416" y="6474347"/>
                </a:lnTo>
                <a:lnTo>
                  <a:pt x="383607" y="6474347"/>
                </a:lnTo>
                <a:lnTo>
                  <a:pt x="483718" y="6374231"/>
                </a:lnTo>
                <a:lnTo>
                  <a:pt x="483718" y="6397010"/>
                </a:lnTo>
                <a:lnTo>
                  <a:pt x="555020" y="6397010"/>
                </a:lnTo>
                <a:lnTo>
                  <a:pt x="555020" y="6325709"/>
                </a:lnTo>
                <a:lnTo>
                  <a:pt x="532239" y="6325709"/>
                </a:lnTo>
                <a:lnTo>
                  <a:pt x="626392" y="6231552"/>
                </a:lnTo>
                <a:lnTo>
                  <a:pt x="626392" y="6254408"/>
                </a:lnTo>
                <a:lnTo>
                  <a:pt x="697691" y="6254408"/>
                </a:lnTo>
                <a:lnTo>
                  <a:pt x="697691" y="6183107"/>
                </a:lnTo>
                <a:lnTo>
                  <a:pt x="674833" y="6183107"/>
                </a:lnTo>
                <a:lnTo>
                  <a:pt x="769001" y="6088935"/>
                </a:lnTo>
                <a:lnTo>
                  <a:pt x="769001" y="6111736"/>
                </a:lnTo>
                <a:lnTo>
                  <a:pt x="840303" y="6111736"/>
                </a:lnTo>
                <a:lnTo>
                  <a:pt x="840303" y="6040435"/>
                </a:lnTo>
                <a:lnTo>
                  <a:pt x="817496" y="6040435"/>
                </a:lnTo>
                <a:close/>
              </a:path>
            </a:pathLst>
          </a:custGeom>
          <a:solidFill>
            <a:srgbClr val="0C2074">
              <a:alpha val="12941"/>
            </a:srgbClr>
          </a:solidFill>
          <a:ln>
            <a:noFill/>
          </a:ln>
        </p:spPr>
        <p:txBody>
          <a:bodyPr wrap="square">
            <a:noAutofit/>
          </a:bodyPr>
          <a:lstStyle>
            <a:lvl1pPr marL="0" indent="0">
              <a:buNone/>
              <a:defRPr/>
            </a:lvl1pPr>
          </a:lstStyle>
          <a:p>
            <a:pPr lvl="0"/>
            <a:r>
              <a:rPr lang="en-US"/>
              <a:t> </a:t>
            </a:r>
          </a:p>
        </p:txBody>
      </p:sp>
      <p:sp>
        <p:nvSpPr>
          <p:cNvPr id="2" name="Titel 1">
            <a:extLst>
              <a:ext uri="{FF2B5EF4-FFF2-40B4-BE49-F238E27FC236}">
                <a16:creationId xmlns:a16="http://schemas.microsoft.com/office/drawing/2014/main" id="{4E5C8C94-6483-5F44-A214-6BBE58E30B33}"/>
              </a:ext>
            </a:extLst>
          </p:cNvPr>
          <p:cNvSpPr>
            <a:spLocks noGrp="1"/>
          </p:cNvSpPr>
          <p:nvPr>
            <p:ph type="ctrTitle" hasCustomPrompt="1"/>
          </p:nvPr>
        </p:nvSpPr>
        <p:spPr>
          <a:xfrm>
            <a:off x="631825" y="313067"/>
            <a:ext cx="9531678" cy="2387600"/>
          </a:xfrm>
        </p:spPr>
        <p:txBody>
          <a:bodyPr anchor="b">
            <a:noAutofit/>
          </a:bodyPr>
          <a:lstStyle>
            <a:lvl1pPr algn="l">
              <a:defRPr sz="6000">
                <a:solidFill>
                  <a:schemeClr val="accent1"/>
                </a:solidFill>
              </a:defRPr>
            </a:lvl1pPr>
          </a:lstStyle>
          <a:p>
            <a:r>
              <a:rPr lang="nl-NL"/>
              <a:t>Voeg titel toe</a:t>
            </a:r>
          </a:p>
        </p:txBody>
      </p:sp>
      <p:sp>
        <p:nvSpPr>
          <p:cNvPr id="3" name="Ondertitel 2">
            <a:extLst>
              <a:ext uri="{FF2B5EF4-FFF2-40B4-BE49-F238E27FC236}">
                <a16:creationId xmlns:a16="http://schemas.microsoft.com/office/drawing/2014/main" id="{D28D2045-79CC-614D-BA13-696E7AAAEE4A}"/>
              </a:ext>
            </a:extLst>
          </p:cNvPr>
          <p:cNvSpPr>
            <a:spLocks noGrp="1"/>
          </p:cNvSpPr>
          <p:nvPr>
            <p:ph type="subTitle" idx="1" hasCustomPrompt="1"/>
          </p:nvPr>
        </p:nvSpPr>
        <p:spPr>
          <a:xfrm>
            <a:off x="631825" y="2876824"/>
            <a:ext cx="9531678" cy="165576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29" name="Freeform: Shape 28">
            <a:extLst>
              <a:ext uri="{FF2B5EF4-FFF2-40B4-BE49-F238E27FC236}">
                <a16:creationId xmlns:a16="http://schemas.microsoft.com/office/drawing/2014/main" id="{7CFB27A8-9C4A-461D-9970-77857B17D290}"/>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0" name="Freeform: Shape 29">
            <a:extLst>
              <a:ext uri="{FF2B5EF4-FFF2-40B4-BE49-F238E27FC236}">
                <a16:creationId xmlns:a16="http://schemas.microsoft.com/office/drawing/2014/main" id="{DB080469-7312-4D9A-97F8-76CC0D697DCA}"/>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1" name="Freeform: Shape 30">
            <a:extLst>
              <a:ext uri="{FF2B5EF4-FFF2-40B4-BE49-F238E27FC236}">
                <a16:creationId xmlns:a16="http://schemas.microsoft.com/office/drawing/2014/main" id="{1917E6CC-D4C4-4A9E-961D-0B948335C1D5}"/>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2" name="Freeform: Shape 31">
            <a:extLst>
              <a:ext uri="{FF2B5EF4-FFF2-40B4-BE49-F238E27FC236}">
                <a16:creationId xmlns:a16="http://schemas.microsoft.com/office/drawing/2014/main" id="{E0CC0964-109E-4724-9CBD-9C5E8E1259E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3" name="Freeform: Shape 32">
            <a:extLst>
              <a:ext uri="{FF2B5EF4-FFF2-40B4-BE49-F238E27FC236}">
                <a16:creationId xmlns:a16="http://schemas.microsoft.com/office/drawing/2014/main" id="{BAA75C3C-7293-4F05-A284-5A879C55898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4" name="Freeform: Shape 33">
            <a:extLst>
              <a:ext uri="{FF2B5EF4-FFF2-40B4-BE49-F238E27FC236}">
                <a16:creationId xmlns:a16="http://schemas.microsoft.com/office/drawing/2014/main" id="{32BC5C39-F12F-4182-BF69-2195D6B83D8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5" name="Freeform: Shape 34">
            <a:extLst>
              <a:ext uri="{FF2B5EF4-FFF2-40B4-BE49-F238E27FC236}">
                <a16:creationId xmlns:a16="http://schemas.microsoft.com/office/drawing/2014/main" id="{E586304D-0D32-4355-AFB8-EE1B95429126}"/>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6" name="Freeform: Shape 35">
            <a:extLst>
              <a:ext uri="{FF2B5EF4-FFF2-40B4-BE49-F238E27FC236}">
                <a16:creationId xmlns:a16="http://schemas.microsoft.com/office/drawing/2014/main" id="{E46081E0-F5F3-471B-BD58-FAE737F9B87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7" name="Freeform: Shape 36">
            <a:extLst>
              <a:ext uri="{FF2B5EF4-FFF2-40B4-BE49-F238E27FC236}">
                <a16:creationId xmlns:a16="http://schemas.microsoft.com/office/drawing/2014/main" id="{4977F8C8-F8D3-467D-ADC4-D72F1CD86B0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8" name="Freeform: Shape 37">
            <a:extLst>
              <a:ext uri="{FF2B5EF4-FFF2-40B4-BE49-F238E27FC236}">
                <a16:creationId xmlns:a16="http://schemas.microsoft.com/office/drawing/2014/main" id="{ADF03386-67A2-4DA1-933B-68ACD7DB726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19" name="Date Placeholder 3">
            <a:extLst>
              <a:ext uri="{FF2B5EF4-FFF2-40B4-BE49-F238E27FC236}">
                <a16:creationId xmlns:a16="http://schemas.microsoft.com/office/drawing/2014/main" id="{29DD2B6B-C0F3-41B0-A2D9-6E3EF76A5C8A}"/>
              </a:ext>
            </a:extLst>
          </p:cNvPr>
          <p:cNvSpPr>
            <a:spLocks noGrp="1"/>
          </p:cNvSpPr>
          <p:nvPr>
            <p:ph type="dt" sz="half" idx="10"/>
          </p:nvPr>
        </p:nvSpPr>
        <p:spPr>
          <a:xfrm>
            <a:off x="631825" y="7165952"/>
            <a:ext cx="832104" cy="200055"/>
          </a:xfrm>
        </p:spPr>
        <p:txBody>
          <a:bodyPr/>
          <a:lstStyle/>
          <a:p>
            <a:fld id="{4FC09DFC-B8F8-4958-9D34-83C08EAA181D}" type="datetime1">
              <a:rPr lang="en-GB" smtClean="0"/>
              <a:t>23/05/2022</a:t>
            </a:fld>
            <a:endParaRPr lang="en-GB"/>
          </a:p>
        </p:txBody>
      </p:sp>
      <p:sp>
        <p:nvSpPr>
          <p:cNvPr id="20" name="Footer Placeholder 4">
            <a:extLst>
              <a:ext uri="{FF2B5EF4-FFF2-40B4-BE49-F238E27FC236}">
                <a16:creationId xmlns:a16="http://schemas.microsoft.com/office/drawing/2014/main" id="{F758635A-2F43-40A4-AC11-905BFDC316D7}"/>
              </a:ext>
            </a:extLst>
          </p:cNvPr>
          <p:cNvSpPr>
            <a:spLocks noGrp="1"/>
          </p:cNvSpPr>
          <p:nvPr>
            <p:ph type="ftr" sz="quarter" idx="11"/>
          </p:nvPr>
        </p:nvSpPr>
        <p:spPr>
          <a:xfrm>
            <a:off x="1562356" y="7165951"/>
            <a:ext cx="8694253" cy="200055"/>
          </a:xfrm>
        </p:spPr>
        <p:txBody>
          <a:bodyPr/>
          <a:lstStyle/>
          <a:p>
            <a:endParaRPr lang="en-GB"/>
          </a:p>
        </p:txBody>
      </p:sp>
      <p:sp>
        <p:nvSpPr>
          <p:cNvPr id="21" name="Slide Number Placeholder 5">
            <a:extLst>
              <a:ext uri="{FF2B5EF4-FFF2-40B4-BE49-F238E27FC236}">
                <a16:creationId xmlns:a16="http://schemas.microsoft.com/office/drawing/2014/main" id="{E68BCCDE-037F-4221-9C3C-8648B1A6C143}"/>
              </a:ext>
            </a:extLst>
          </p:cNvPr>
          <p:cNvSpPr>
            <a:spLocks noGrp="1"/>
          </p:cNvSpPr>
          <p:nvPr>
            <p:ph type="sldNum" sz="quarter" idx="12"/>
          </p:nvPr>
        </p:nvSpPr>
        <p:spPr>
          <a:xfrm>
            <a:off x="10355036" y="7165953"/>
            <a:ext cx="486000" cy="200055"/>
          </a:xfrm>
        </p:spPr>
        <p:txBody>
          <a:bodyPr/>
          <a:lstStyle/>
          <a:p>
            <a:fld id="{83D1311D-0AF4-BF42-8BF9-EAD1FE65203C}" type="slidenum">
              <a:rPr lang="en-GB" smtClean="0"/>
              <a:pPr/>
              <a:t>‹nr.›</a:t>
            </a:fld>
            <a:endParaRPr lang="en-GB"/>
          </a:p>
        </p:txBody>
      </p:sp>
      <p:sp>
        <p:nvSpPr>
          <p:cNvPr id="446" name="Text Placeholder 2059">
            <a:extLst>
              <a:ext uri="{FF2B5EF4-FFF2-40B4-BE49-F238E27FC236}">
                <a16:creationId xmlns:a16="http://schemas.microsoft.com/office/drawing/2014/main" id="{B4005224-3F47-4576-9D58-87DDA0FD3DB5}"/>
              </a:ext>
            </a:extLst>
          </p:cNvPr>
          <p:cNvSpPr>
            <a:spLocks noGrp="1"/>
          </p:cNvSpPr>
          <p:nvPr>
            <p:ph type="body" sz="quarter" idx="15" hasCustomPrompt="1"/>
          </p:nvPr>
        </p:nvSpPr>
        <p:spPr>
          <a:xfrm>
            <a:off x="10318971" y="6026149"/>
            <a:ext cx="1566642" cy="617539"/>
          </a:xfrm>
          <a:blipFill dpi="0" rotWithShape="1">
            <a:blip r:embed="rId2">
              <a:extLst>
                <a:ext uri="{28A0092B-C50C-407E-A947-70E740481C1C}">
                  <a14:useLocalDpi xmlns:a14="http://schemas.microsoft.com/office/drawing/2010/main" val="0"/>
                </a:ext>
              </a:extLst>
            </a:blip>
            <a:srcRect/>
            <a:stretch>
              <a:fillRect/>
            </a:stretch>
          </a:blipFill>
        </p:spPr>
        <p:txBody>
          <a:bodyPr/>
          <a:lstStyle>
            <a:lvl1pPr marL="0" indent="0">
              <a:buNone/>
              <a:defRPr/>
            </a:lvl1pPr>
          </a:lstStyle>
          <a:p>
            <a:pPr lvl="0"/>
            <a:r>
              <a:rPr lang="en-US"/>
              <a:t> </a:t>
            </a:r>
          </a:p>
        </p:txBody>
      </p:sp>
    </p:spTree>
    <p:extLst>
      <p:ext uri="{BB962C8B-B14F-4D97-AF65-F5344CB8AC3E}">
        <p14:creationId xmlns:p14="http://schemas.microsoft.com/office/powerpoint/2010/main" val="93689339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eldia met afbeelding (alternatief)">
    <p:spTree>
      <p:nvGrpSpPr>
        <p:cNvPr id="1" name=""/>
        <p:cNvGrpSpPr/>
        <p:nvPr/>
      </p:nvGrpSpPr>
      <p:grpSpPr>
        <a:xfrm>
          <a:off x="0" y="0"/>
          <a:ext cx="0" cy="0"/>
          <a:chOff x="0" y="0"/>
          <a:chExt cx="0" cy="0"/>
        </a:xfrm>
      </p:grpSpPr>
      <p:sp>
        <p:nvSpPr>
          <p:cNvPr id="293" name="Picture Placeholder 647">
            <a:extLst>
              <a:ext uri="{FF2B5EF4-FFF2-40B4-BE49-F238E27FC236}">
                <a16:creationId xmlns:a16="http://schemas.microsoft.com/office/drawing/2014/main" id="{34E9255F-4BD2-4449-A3CE-FB90ADC96F74}"/>
              </a:ext>
            </a:extLst>
          </p:cNvPr>
          <p:cNvSpPr>
            <a:spLocks noGrp="1"/>
          </p:cNvSpPr>
          <p:nvPr>
            <p:ph type="pic" sz="quarter" idx="16" hasCustomPrompt="1"/>
          </p:nvPr>
        </p:nvSpPr>
        <p:spPr bwMode="auto">
          <a:xfrm>
            <a:off x="5382839" y="51489"/>
            <a:ext cx="6809163" cy="6806511"/>
          </a:xfrm>
          <a:custGeom>
            <a:avLst/>
            <a:gdLst>
              <a:gd name="connsiteX0" fmla="*/ 3659391 w 6809163"/>
              <a:gd name="connsiteY0" fmla="*/ 6443281 h 6826901"/>
              <a:gd name="connsiteX1" fmla="*/ 3659391 w 6809163"/>
              <a:gd name="connsiteY1" fmla="*/ 6514582 h 6826901"/>
              <a:gd name="connsiteX2" fmla="*/ 3730692 w 6809163"/>
              <a:gd name="connsiteY2" fmla="*/ 6514582 h 6826901"/>
              <a:gd name="connsiteX3" fmla="*/ 3730692 w 6809163"/>
              <a:gd name="connsiteY3" fmla="*/ 6443281 h 6826901"/>
              <a:gd name="connsiteX4" fmla="*/ 3516789 w 6809163"/>
              <a:gd name="connsiteY4" fmla="*/ 6443281 h 6826901"/>
              <a:gd name="connsiteX5" fmla="*/ 3516789 w 6809163"/>
              <a:gd name="connsiteY5" fmla="*/ 6514582 h 6826901"/>
              <a:gd name="connsiteX6" fmla="*/ 3588090 w 6809163"/>
              <a:gd name="connsiteY6" fmla="*/ 6514582 h 6826901"/>
              <a:gd name="connsiteX7" fmla="*/ 3588090 w 6809163"/>
              <a:gd name="connsiteY7" fmla="*/ 6443281 h 6826901"/>
              <a:gd name="connsiteX8" fmla="*/ 3374117 w 6809163"/>
              <a:gd name="connsiteY8" fmla="*/ 6443281 h 6826901"/>
              <a:gd name="connsiteX9" fmla="*/ 3374117 w 6809163"/>
              <a:gd name="connsiteY9" fmla="*/ 6514582 h 6826901"/>
              <a:gd name="connsiteX10" fmla="*/ 3445417 w 6809163"/>
              <a:gd name="connsiteY10" fmla="*/ 6514582 h 6826901"/>
              <a:gd name="connsiteX11" fmla="*/ 3445417 w 6809163"/>
              <a:gd name="connsiteY11" fmla="*/ 6443281 h 6826901"/>
              <a:gd name="connsiteX12" fmla="*/ 3231444 w 6809163"/>
              <a:gd name="connsiteY12" fmla="*/ 6443281 h 6826901"/>
              <a:gd name="connsiteX13" fmla="*/ 3231444 w 6809163"/>
              <a:gd name="connsiteY13" fmla="*/ 6514582 h 6826901"/>
              <a:gd name="connsiteX14" fmla="*/ 3302745 w 6809163"/>
              <a:gd name="connsiteY14" fmla="*/ 6514582 h 6826901"/>
              <a:gd name="connsiteX15" fmla="*/ 3302745 w 6809163"/>
              <a:gd name="connsiteY15" fmla="*/ 6443281 h 6826901"/>
              <a:gd name="connsiteX16" fmla="*/ 3088843 w 6809163"/>
              <a:gd name="connsiteY16" fmla="*/ 6443281 h 6826901"/>
              <a:gd name="connsiteX17" fmla="*/ 3088843 w 6809163"/>
              <a:gd name="connsiteY17" fmla="*/ 6514582 h 6826901"/>
              <a:gd name="connsiteX18" fmla="*/ 3160144 w 6809163"/>
              <a:gd name="connsiteY18" fmla="*/ 6514582 h 6826901"/>
              <a:gd name="connsiteX19" fmla="*/ 3160144 w 6809163"/>
              <a:gd name="connsiteY19" fmla="*/ 6443281 h 6826901"/>
              <a:gd name="connsiteX20" fmla="*/ 2946170 w 6809163"/>
              <a:gd name="connsiteY20" fmla="*/ 6443281 h 6826901"/>
              <a:gd name="connsiteX21" fmla="*/ 2946170 w 6809163"/>
              <a:gd name="connsiteY21" fmla="*/ 6514582 h 6826901"/>
              <a:gd name="connsiteX22" fmla="*/ 3017471 w 6809163"/>
              <a:gd name="connsiteY22" fmla="*/ 6514582 h 6826901"/>
              <a:gd name="connsiteX23" fmla="*/ 3017471 w 6809163"/>
              <a:gd name="connsiteY23" fmla="*/ 6443281 h 6826901"/>
              <a:gd name="connsiteX24" fmla="*/ 2803569 w 6809163"/>
              <a:gd name="connsiteY24" fmla="*/ 6443281 h 6826901"/>
              <a:gd name="connsiteX25" fmla="*/ 2803569 w 6809163"/>
              <a:gd name="connsiteY25" fmla="*/ 6514582 h 6826901"/>
              <a:gd name="connsiteX26" fmla="*/ 2874870 w 6809163"/>
              <a:gd name="connsiteY26" fmla="*/ 6514582 h 6826901"/>
              <a:gd name="connsiteX27" fmla="*/ 2874870 w 6809163"/>
              <a:gd name="connsiteY27" fmla="*/ 6443281 h 6826901"/>
              <a:gd name="connsiteX28" fmla="*/ 2660896 w 6809163"/>
              <a:gd name="connsiteY28" fmla="*/ 6443281 h 6826901"/>
              <a:gd name="connsiteX29" fmla="*/ 2660896 w 6809163"/>
              <a:gd name="connsiteY29" fmla="*/ 6514582 h 6826901"/>
              <a:gd name="connsiteX30" fmla="*/ 2732197 w 6809163"/>
              <a:gd name="connsiteY30" fmla="*/ 6514582 h 6826901"/>
              <a:gd name="connsiteX31" fmla="*/ 2732197 w 6809163"/>
              <a:gd name="connsiteY31" fmla="*/ 6443281 h 6826901"/>
              <a:gd name="connsiteX32" fmla="*/ 2518224 w 6809163"/>
              <a:gd name="connsiteY32" fmla="*/ 6443281 h 6826901"/>
              <a:gd name="connsiteX33" fmla="*/ 2518224 w 6809163"/>
              <a:gd name="connsiteY33" fmla="*/ 6514582 h 6826901"/>
              <a:gd name="connsiteX34" fmla="*/ 2589525 w 6809163"/>
              <a:gd name="connsiteY34" fmla="*/ 6514582 h 6826901"/>
              <a:gd name="connsiteX35" fmla="*/ 2589525 w 6809163"/>
              <a:gd name="connsiteY35" fmla="*/ 6443281 h 6826901"/>
              <a:gd name="connsiteX36" fmla="*/ 2375622 w 6809163"/>
              <a:gd name="connsiteY36" fmla="*/ 6443281 h 6826901"/>
              <a:gd name="connsiteX37" fmla="*/ 2375622 w 6809163"/>
              <a:gd name="connsiteY37" fmla="*/ 6514582 h 6826901"/>
              <a:gd name="connsiteX38" fmla="*/ 2446923 w 6809163"/>
              <a:gd name="connsiteY38" fmla="*/ 6514582 h 6826901"/>
              <a:gd name="connsiteX39" fmla="*/ 2446923 w 6809163"/>
              <a:gd name="connsiteY39" fmla="*/ 6443281 h 6826901"/>
              <a:gd name="connsiteX40" fmla="*/ 2232949 w 6809163"/>
              <a:gd name="connsiteY40" fmla="*/ 6443281 h 6826901"/>
              <a:gd name="connsiteX41" fmla="*/ 2232949 w 6809163"/>
              <a:gd name="connsiteY41" fmla="*/ 6514582 h 6826901"/>
              <a:gd name="connsiteX42" fmla="*/ 2304250 w 6809163"/>
              <a:gd name="connsiteY42" fmla="*/ 6514582 h 6826901"/>
              <a:gd name="connsiteX43" fmla="*/ 2304250 w 6809163"/>
              <a:gd name="connsiteY43" fmla="*/ 6443281 h 6826901"/>
              <a:gd name="connsiteX44" fmla="*/ 2090348 w 6809163"/>
              <a:gd name="connsiteY44" fmla="*/ 6443281 h 6826901"/>
              <a:gd name="connsiteX45" fmla="*/ 2090348 w 6809163"/>
              <a:gd name="connsiteY45" fmla="*/ 6514582 h 6826901"/>
              <a:gd name="connsiteX46" fmla="*/ 2161649 w 6809163"/>
              <a:gd name="connsiteY46" fmla="*/ 6514582 h 6826901"/>
              <a:gd name="connsiteX47" fmla="*/ 2161649 w 6809163"/>
              <a:gd name="connsiteY47" fmla="*/ 6443281 h 6826901"/>
              <a:gd name="connsiteX48" fmla="*/ 1947675 w 6809163"/>
              <a:gd name="connsiteY48" fmla="*/ 6443281 h 6826901"/>
              <a:gd name="connsiteX49" fmla="*/ 1947675 w 6809163"/>
              <a:gd name="connsiteY49" fmla="*/ 6514582 h 6826901"/>
              <a:gd name="connsiteX50" fmla="*/ 2018976 w 6809163"/>
              <a:gd name="connsiteY50" fmla="*/ 6514582 h 6826901"/>
              <a:gd name="connsiteX51" fmla="*/ 2018976 w 6809163"/>
              <a:gd name="connsiteY51" fmla="*/ 6443281 h 6826901"/>
              <a:gd name="connsiteX52" fmla="*/ 1805074 w 6809163"/>
              <a:gd name="connsiteY52" fmla="*/ 6443281 h 6826901"/>
              <a:gd name="connsiteX53" fmla="*/ 1805074 w 6809163"/>
              <a:gd name="connsiteY53" fmla="*/ 6514582 h 6826901"/>
              <a:gd name="connsiteX54" fmla="*/ 1876375 w 6809163"/>
              <a:gd name="connsiteY54" fmla="*/ 6514582 h 6826901"/>
              <a:gd name="connsiteX55" fmla="*/ 1876375 w 6809163"/>
              <a:gd name="connsiteY55" fmla="*/ 6443281 h 6826901"/>
              <a:gd name="connsiteX56" fmla="*/ 1662401 w 6809163"/>
              <a:gd name="connsiteY56" fmla="*/ 6443281 h 6826901"/>
              <a:gd name="connsiteX57" fmla="*/ 1662401 w 6809163"/>
              <a:gd name="connsiteY57" fmla="*/ 6514582 h 6826901"/>
              <a:gd name="connsiteX58" fmla="*/ 1733702 w 6809163"/>
              <a:gd name="connsiteY58" fmla="*/ 6514582 h 6826901"/>
              <a:gd name="connsiteX59" fmla="*/ 1733702 w 6809163"/>
              <a:gd name="connsiteY59" fmla="*/ 6443281 h 6826901"/>
              <a:gd name="connsiteX60" fmla="*/ 1519800 w 6809163"/>
              <a:gd name="connsiteY60" fmla="*/ 6443281 h 6826901"/>
              <a:gd name="connsiteX61" fmla="*/ 1519800 w 6809163"/>
              <a:gd name="connsiteY61" fmla="*/ 6514582 h 6826901"/>
              <a:gd name="connsiteX62" fmla="*/ 1591101 w 6809163"/>
              <a:gd name="connsiteY62" fmla="*/ 6514582 h 6826901"/>
              <a:gd name="connsiteX63" fmla="*/ 1591101 w 6809163"/>
              <a:gd name="connsiteY63" fmla="*/ 6443281 h 6826901"/>
              <a:gd name="connsiteX64" fmla="*/ 1377127 w 6809163"/>
              <a:gd name="connsiteY64" fmla="*/ 6443281 h 6826901"/>
              <a:gd name="connsiteX65" fmla="*/ 1377127 w 6809163"/>
              <a:gd name="connsiteY65" fmla="*/ 6514582 h 6826901"/>
              <a:gd name="connsiteX66" fmla="*/ 1448428 w 6809163"/>
              <a:gd name="connsiteY66" fmla="*/ 6514582 h 6826901"/>
              <a:gd name="connsiteX67" fmla="*/ 1448428 w 6809163"/>
              <a:gd name="connsiteY67" fmla="*/ 6443281 h 6826901"/>
              <a:gd name="connsiteX68" fmla="*/ 1234455 w 6809163"/>
              <a:gd name="connsiteY68" fmla="*/ 6443281 h 6826901"/>
              <a:gd name="connsiteX69" fmla="*/ 1234455 w 6809163"/>
              <a:gd name="connsiteY69" fmla="*/ 6514582 h 6826901"/>
              <a:gd name="connsiteX70" fmla="*/ 1305756 w 6809163"/>
              <a:gd name="connsiteY70" fmla="*/ 6514582 h 6826901"/>
              <a:gd name="connsiteX71" fmla="*/ 1305756 w 6809163"/>
              <a:gd name="connsiteY71" fmla="*/ 6443281 h 6826901"/>
              <a:gd name="connsiteX72" fmla="*/ 1091853 w 6809163"/>
              <a:gd name="connsiteY72" fmla="*/ 6443281 h 6826901"/>
              <a:gd name="connsiteX73" fmla="*/ 1091853 w 6809163"/>
              <a:gd name="connsiteY73" fmla="*/ 6514582 h 6826901"/>
              <a:gd name="connsiteX74" fmla="*/ 1163154 w 6809163"/>
              <a:gd name="connsiteY74" fmla="*/ 6514582 h 6826901"/>
              <a:gd name="connsiteX75" fmla="*/ 1163154 w 6809163"/>
              <a:gd name="connsiteY75" fmla="*/ 6443281 h 6826901"/>
              <a:gd name="connsiteX76" fmla="*/ 949180 w 6809163"/>
              <a:gd name="connsiteY76" fmla="*/ 6443281 h 6826901"/>
              <a:gd name="connsiteX77" fmla="*/ 949180 w 6809163"/>
              <a:gd name="connsiteY77" fmla="*/ 6514582 h 6826901"/>
              <a:gd name="connsiteX78" fmla="*/ 1020481 w 6809163"/>
              <a:gd name="connsiteY78" fmla="*/ 6514582 h 6826901"/>
              <a:gd name="connsiteX79" fmla="*/ 1020481 w 6809163"/>
              <a:gd name="connsiteY79" fmla="*/ 6443281 h 6826901"/>
              <a:gd name="connsiteX80" fmla="*/ 806579 w 6809163"/>
              <a:gd name="connsiteY80" fmla="*/ 6443281 h 6826901"/>
              <a:gd name="connsiteX81" fmla="*/ 806579 w 6809163"/>
              <a:gd name="connsiteY81" fmla="*/ 6514582 h 6826901"/>
              <a:gd name="connsiteX82" fmla="*/ 877880 w 6809163"/>
              <a:gd name="connsiteY82" fmla="*/ 6514582 h 6826901"/>
              <a:gd name="connsiteX83" fmla="*/ 877880 w 6809163"/>
              <a:gd name="connsiteY83" fmla="*/ 6443281 h 6826901"/>
              <a:gd name="connsiteX84" fmla="*/ 663906 w 6809163"/>
              <a:gd name="connsiteY84" fmla="*/ 6443281 h 6826901"/>
              <a:gd name="connsiteX85" fmla="*/ 663906 w 6809163"/>
              <a:gd name="connsiteY85" fmla="*/ 6514582 h 6826901"/>
              <a:gd name="connsiteX86" fmla="*/ 735207 w 6809163"/>
              <a:gd name="connsiteY86" fmla="*/ 6514582 h 6826901"/>
              <a:gd name="connsiteX87" fmla="*/ 735207 w 6809163"/>
              <a:gd name="connsiteY87" fmla="*/ 6443281 h 6826901"/>
              <a:gd name="connsiteX88" fmla="*/ 521234 w 6809163"/>
              <a:gd name="connsiteY88" fmla="*/ 6443281 h 6826901"/>
              <a:gd name="connsiteX89" fmla="*/ 521234 w 6809163"/>
              <a:gd name="connsiteY89" fmla="*/ 6514582 h 6826901"/>
              <a:gd name="connsiteX90" fmla="*/ 592536 w 6809163"/>
              <a:gd name="connsiteY90" fmla="*/ 6514582 h 6826901"/>
              <a:gd name="connsiteX91" fmla="*/ 592536 w 6809163"/>
              <a:gd name="connsiteY91" fmla="*/ 6443281 h 6826901"/>
              <a:gd name="connsiteX92" fmla="*/ 4657886 w 6809163"/>
              <a:gd name="connsiteY92" fmla="*/ 6294643 h 6826901"/>
              <a:gd name="connsiteX93" fmla="*/ 4657886 w 6809163"/>
              <a:gd name="connsiteY93" fmla="*/ 6365944 h 6826901"/>
              <a:gd name="connsiteX94" fmla="*/ 4729187 w 6809163"/>
              <a:gd name="connsiteY94" fmla="*/ 6365944 h 6826901"/>
              <a:gd name="connsiteX95" fmla="*/ 4729187 w 6809163"/>
              <a:gd name="connsiteY95" fmla="*/ 6294643 h 6826901"/>
              <a:gd name="connsiteX96" fmla="*/ 4515284 w 6809163"/>
              <a:gd name="connsiteY96" fmla="*/ 6294643 h 6826901"/>
              <a:gd name="connsiteX97" fmla="*/ 4515284 w 6809163"/>
              <a:gd name="connsiteY97" fmla="*/ 6365944 h 6826901"/>
              <a:gd name="connsiteX98" fmla="*/ 4586584 w 6809163"/>
              <a:gd name="connsiteY98" fmla="*/ 6365944 h 6826901"/>
              <a:gd name="connsiteX99" fmla="*/ 4586584 w 6809163"/>
              <a:gd name="connsiteY99" fmla="*/ 6294643 h 6826901"/>
              <a:gd name="connsiteX100" fmla="*/ 4372612 w 6809163"/>
              <a:gd name="connsiteY100" fmla="*/ 6294643 h 6826901"/>
              <a:gd name="connsiteX101" fmla="*/ 4372612 w 6809163"/>
              <a:gd name="connsiteY101" fmla="*/ 6365944 h 6826901"/>
              <a:gd name="connsiteX102" fmla="*/ 4443913 w 6809163"/>
              <a:gd name="connsiteY102" fmla="*/ 6365944 h 6826901"/>
              <a:gd name="connsiteX103" fmla="*/ 4443913 w 6809163"/>
              <a:gd name="connsiteY103" fmla="*/ 6294643 h 6826901"/>
              <a:gd name="connsiteX104" fmla="*/ 4229939 w 6809163"/>
              <a:gd name="connsiteY104" fmla="*/ 6294643 h 6826901"/>
              <a:gd name="connsiteX105" fmla="*/ 4229939 w 6809163"/>
              <a:gd name="connsiteY105" fmla="*/ 6365944 h 6826901"/>
              <a:gd name="connsiteX106" fmla="*/ 4301240 w 6809163"/>
              <a:gd name="connsiteY106" fmla="*/ 6365944 h 6826901"/>
              <a:gd name="connsiteX107" fmla="*/ 4301240 w 6809163"/>
              <a:gd name="connsiteY107" fmla="*/ 6294643 h 6826901"/>
              <a:gd name="connsiteX108" fmla="*/ 4087338 w 6809163"/>
              <a:gd name="connsiteY108" fmla="*/ 6294643 h 6826901"/>
              <a:gd name="connsiteX109" fmla="*/ 4087338 w 6809163"/>
              <a:gd name="connsiteY109" fmla="*/ 6365944 h 6826901"/>
              <a:gd name="connsiteX110" fmla="*/ 4158638 w 6809163"/>
              <a:gd name="connsiteY110" fmla="*/ 6365944 h 6826901"/>
              <a:gd name="connsiteX111" fmla="*/ 4158638 w 6809163"/>
              <a:gd name="connsiteY111" fmla="*/ 6294643 h 6826901"/>
              <a:gd name="connsiteX112" fmla="*/ 3944665 w 6809163"/>
              <a:gd name="connsiteY112" fmla="*/ 6294643 h 6826901"/>
              <a:gd name="connsiteX113" fmla="*/ 3944665 w 6809163"/>
              <a:gd name="connsiteY113" fmla="*/ 6365944 h 6826901"/>
              <a:gd name="connsiteX114" fmla="*/ 4015966 w 6809163"/>
              <a:gd name="connsiteY114" fmla="*/ 6365944 h 6826901"/>
              <a:gd name="connsiteX115" fmla="*/ 4015966 w 6809163"/>
              <a:gd name="connsiteY115" fmla="*/ 6294643 h 6826901"/>
              <a:gd name="connsiteX116" fmla="*/ 3802063 w 6809163"/>
              <a:gd name="connsiteY116" fmla="*/ 6294643 h 6826901"/>
              <a:gd name="connsiteX117" fmla="*/ 3802063 w 6809163"/>
              <a:gd name="connsiteY117" fmla="*/ 6365944 h 6826901"/>
              <a:gd name="connsiteX118" fmla="*/ 3873364 w 6809163"/>
              <a:gd name="connsiteY118" fmla="*/ 6365944 h 6826901"/>
              <a:gd name="connsiteX119" fmla="*/ 3873364 w 6809163"/>
              <a:gd name="connsiteY119" fmla="*/ 6294643 h 6826901"/>
              <a:gd name="connsiteX120" fmla="*/ 3659391 w 6809163"/>
              <a:gd name="connsiteY120" fmla="*/ 6294643 h 6826901"/>
              <a:gd name="connsiteX121" fmla="*/ 3659391 w 6809163"/>
              <a:gd name="connsiteY121" fmla="*/ 6365944 h 6826901"/>
              <a:gd name="connsiteX122" fmla="*/ 3730692 w 6809163"/>
              <a:gd name="connsiteY122" fmla="*/ 6365944 h 6826901"/>
              <a:gd name="connsiteX123" fmla="*/ 3730692 w 6809163"/>
              <a:gd name="connsiteY123" fmla="*/ 6294643 h 6826901"/>
              <a:gd name="connsiteX124" fmla="*/ 3516789 w 6809163"/>
              <a:gd name="connsiteY124" fmla="*/ 6294643 h 6826901"/>
              <a:gd name="connsiteX125" fmla="*/ 3516789 w 6809163"/>
              <a:gd name="connsiteY125" fmla="*/ 6365944 h 6826901"/>
              <a:gd name="connsiteX126" fmla="*/ 3588090 w 6809163"/>
              <a:gd name="connsiteY126" fmla="*/ 6365944 h 6826901"/>
              <a:gd name="connsiteX127" fmla="*/ 3588090 w 6809163"/>
              <a:gd name="connsiteY127" fmla="*/ 6294643 h 6826901"/>
              <a:gd name="connsiteX128" fmla="*/ 3374117 w 6809163"/>
              <a:gd name="connsiteY128" fmla="*/ 6294643 h 6826901"/>
              <a:gd name="connsiteX129" fmla="*/ 3374117 w 6809163"/>
              <a:gd name="connsiteY129" fmla="*/ 6365944 h 6826901"/>
              <a:gd name="connsiteX130" fmla="*/ 3445417 w 6809163"/>
              <a:gd name="connsiteY130" fmla="*/ 6365944 h 6826901"/>
              <a:gd name="connsiteX131" fmla="*/ 3445417 w 6809163"/>
              <a:gd name="connsiteY131" fmla="*/ 6294643 h 6826901"/>
              <a:gd name="connsiteX132" fmla="*/ 3231444 w 6809163"/>
              <a:gd name="connsiteY132" fmla="*/ 6294643 h 6826901"/>
              <a:gd name="connsiteX133" fmla="*/ 3231444 w 6809163"/>
              <a:gd name="connsiteY133" fmla="*/ 6365944 h 6826901"/>
              <a:gd name="connsiteX134" fmla="*/ 3302745 w 6809163"/>
              <a:gd name="connsiteY134" fmla="*/ 6365944 h 6826901"/>
              <a:gd name="connsiteX135" fmla="*/ 3302745 w 6809163"/>
              <a:gd name="connsiteY135" fmla="*/ 6294643 h 6826901"/>
              <a:gd name="connsiteX136" fmla="*/ 3088843 w 6809163"/>
              <a:gd name="connsiteY136" fmla="*/ 6294643 h 6826901"/>
              <a:gd name="connsiteX137" fmla="*/ 3088843 w 6809163"/>
              <a:gd name="connsiteY137" fmla="*/ 6365944 h 6826901"/>
              <a:gd name="connsiteX138" fmla="*/ 3160144 w 6809163"/>
              <a:gd name="connsiteY138" fmla="*/ 6365944 h 6826901"/>
              <a:gd name="connsiteX139" fmla="*/ 3160144 w 6809163"/>
              <a:gd name="connsiteY139" fmla="*/ 6294643 h 6826901"/>
              <a:gd name="connsiteX140" fmla="*/ 2946170 w 6809163"/>
              <a:gd name="connsiteY140" fmla="*/ 6294643 h 6826901"/>
              <a:gd name="connsiteX141" fmla="*/ 2946170 w 6809163"/>
              <a:gd name="connsiteY141" fmla="*/ 6365944 h 6826901"/>
              <a:gd name="connsiteX142" fmla="*/ 3017471 w 6809163"/>
              <a:gd name="connsiteY142" fmla="*/ 6365944 h 6826901"/>
              <a:gd name="connsiteX143" fmla="*/ 3017471 w 6809163"/>
              <a:gd name="connsiteY143" fmla="*/ 6294643 h 6826901"/>
              <a:gd name="connsiteX144" fmla="*/ 2803569 w 6809163"/>
              <a:gd name="connsiteY144" fmla="*/ 6294643 h 6826901"/>
              <a:gd name="connsiteX145" fmla="*/ 2803569 w 6809163"/>
              <a:gd name="connsiteY145" fmla="*/ 6365944 h 6826901"/>
              <a:gd name="connsiteX146" fmla="*/ 2874870 w 6809163"/>
              <a:gd name="connsiteY146" fmla="*/ 6365944 h 6826901"/>
              <a:gd name="connsiteX147" fmla="*/ 2874870 w 6809163"/>
              <a:gd name="connsiteY147" fmla="*/ 6294643 h 6826901"/>
              <a:gd name="connsiteX148" fmla="*/ 2660896 w 6809163"/>
              <a:gd name="connsiteY148" fmla="*/ 6294643 h 6826901"/>
              <a:gd name="connsiteX149" fmla="*/ 2660896 w 6809163"/>
              <a:gd name="connsiteY149" fmla="*/ 6365944 h 6826901"/>
              <a:gd name="connsiteX150" fmla="*/ 2732197 w 6809163"/>
              <a:gd name="connsiteY150" fmla="*/ 6365944 h 6826901"/>
              <a:gd name="connsiteX151" fmla="*/ 2732197 w 6809163"/>
              <a:gd name="connsiteY151" fmla="*/ 6294643 h 6826901"/>
              <a:gd name="connsiteX152" fmla="*/ 2518224 w 6809163"/>
              <a:gd name="connsiteY152" fmla="*/ 6294643 h 6826901"/>
              <a:gd name="connsiteX153" fmla="*/ 2518224 w 6809163"/>
              <a:gd name="connsiteY153" fmla="*/ 6365944 h 6826901"/>
              <a:gd name="connsiteX154" fmla="*/ 2589525 w 6809163"/>
              <a:gd name="connsiteY154" fmla="*/ 6365944 h 6826901"/>
              <a:gd name="connsiteX155" fmla="*/ 2589525 w 6809163"/>
              <a:gd name="connsiteY155" fmla="*/ 6294643 h 6826901"/>
              <a:gd name="connsiteX156" fmla="*/ 2375622 w 6809163"/>
              <a:gd name="connsiteY156" fmla="*/ 6294643 h 6826901"/>
              <a:gd name="connsiteX157" fmla="*/ 2375622 w 6809163"/>
              <a:gd name="connsiteY157" fmla="*/ 6365944 h 6826901"/>
              <a:gd name="connsiteX158" fmla="*/ 2446923 w 6809163"/>
              <a:gd name="connsiteY158" fmla="*/ 6365944 h 6826901"/>
              <a:gd name="connsiteX159" fmla="*/ 2446923 w 6809163"/>
              <a:gd name="connsiteY159" fmla="*/ 6294643 h 6826901"/>
              <a:gd name="connsiteX160" fmla="*/ 2232949 w 6809163"/>
              <a:gd name="connsiteY160" fmla="*/ 6294643 h 6826901"/>
              <a:gd name="connsiteX161" fmla="*/ 2232949 w 6809163"/>
              <a:gd name="connsiteY161" fmla="*/ 6365944 h 6826901"/>
              <a:gd name="connsiteX162" fmla="*/ 2304250 w 6809163"/>
              <a:gd name="connsiteY162" fmla="*/ 6365944 h 6826901"/>
              <a:gd name="connsiteX163" fmla="*/ 2304250 w 6809163"/>
              <a:gd name="connsiteY163" fmla="*/ 6294643 h 6826901"/>
              <a:gd name="connsiteX164" fmla="*/ 2090348 w 6809163"/>
              <a:gd name="connsiteY164" fmla="*/ 6294643 h 6826901"/>
              <a:gd name="connsiteX165" fmla="*/ 2090348 w 6809163"/>
              <a:gd name="connsiteY165" fmla="*/ 6365944 h 6826901"/>
              <a:gd name="connsiteX166" fmla="*/ 2161649 w 6809163"/>
              <a:gd name="connsiteY166" fmla="*/ 6365944 h 6826901"/>
              <a:gd name="connsiteX167" fmla="*/ 2161649 w 6809163"/>
              <a:gd name="connsiteY167" fmla="*/ 6294643 h 6826901"/>
              <a:gd name="connsiteX168" fmla="*/ 1947675 w 6809163"/>
              <a:gd name="connsiteY168" fmla="*/ 6294643 h 6826901"/>
              <a:gd name="connsiteX169" fmla="*/ 1947675 w 6809163"/>
              <a:gd name="connsiteY169" fmla="*/ 6365944 h 6826901"/>
              <a:gd name="connsiteX170" fmla="*/ 2018976 w 6809163"/>
              <a:gd name="connsiteY170" fmla="*/ 6365944 h 6826901"/>
              <a:gd name="connsiteX171" fmla="*/ 2018976 w 6809163"/>
              <a:gd name="connsiteY171" fmla="*/ 6294643 h 6826901"/>
              <a:gd name="connsiteX172" fmla="*/ 1805074 w 6809163"/>
              <a:gd name="connsiteY172" fmla="*/ 6294643 h 6826901"/>
              <a:gd name="connsiteX173" fmla="*/ 1805074 w 6809163"/>
              <a:gd name="connsiteY173" fmla="*/ 6365944 h 6826901"/>
              <a:gd name="connsiteX174" fmla="*/ 1876375 w 6809163"/>
              <a:gd name="connsiteY174" fmla="*/ 6365944 h 6826901"/>
              <a:gd name="connsiteX175" fmla="*/ 1876375 w 6809163"/>
              <a:gd name="connsiteY175" fmla="*/ 6294643 h 6826901"/>
              <a:gd name="connsiteX176" fmla="*/ 1662401 w 6809163"/>
              <a:gd name="connsiteY176" fmla="*/ 6294643 h 6826901"/>
              <a:gd name="connsiteX177" fmla="*/ 1662401 w 6809163"/>
              <a:gd name="connsiteY177" fmla="*/ 6365944 h 6826901"/>
              <a:gd name="connsiteX178" fmla="*/ 1733702 w 6809163"/>
              <a:gd name="connsiteY178" fmla="*/ 6365944 h 6826901"/>
              <a:gd name="connsiteX179" fmla="*/ 1733702 w 6809163"/>
              <a:gd name="connsiteY179" fmla="*/ 6294643 h 6826901"/>
              <a:gd name="connsiteX180" fmla="*/ 1519800 w 6809163"/>
              <a:gd name="connsiteY180" fmla="*/ 6294643 h 6826901"/>
              <a:gd name="connsiteX181" fmla="*/ 1519800 w 6809163"/>
              <a:gd name="connsiteY181" fmla="*/ 6365944 h 6826901"/>
              <a:gd name="connsiteX182" fmla="*/ 1591101 w 6809163"/>
              <a:gd name="connsiteY182" fmla="*/ 6365944 h 6826901"/>
              <a:gd name="connsiteX183" fmla="*/ 1591101 w 6809163"/>
              <a:gd name="connsiteY183" fmla="*/ 6294643 h 6826901"/>
              <a:gd name="connsiteX184" fmla="*/ 1377127 w 6809163"/>
              <a:gd name="connsiteY184" fmla="*/ 6294643 h 6826901"/>
              <a:gd name="connsiteX185" fmla="*/ 1377127 w 6809163"/>
              <a:gd name="connsiteY185" fmla="*/ 6365944 h 6826901"/>
              <a:gd name="connsiteX186" fmla="*/ 1448428 w 6809163"/>
              <a:gd name="connsiteY186" fmla="*/ 6365944 h 6826901"/>
              <a:gd name="connsiteX187" fmla="*/ 1448428 w 6809163"/>
              <a:gd name="connsiteY187" fmla="*/ 6294643 h 6826901"/>
              <a:gd name="connsiteX188" fmla="*/ 1234455 w 6809163"/>
              <a:gd name="connsiteY188" fmla="*/ 6294643 h 6826901"/>
              <a:gd name="connsiteX189" fmla="*/ 1234455 w 6809163"/>
              <a:gd name="connsiteY189" fmla="*/ 6365944 h 6826901"/>
              <a:gd name="connsiteX190" fmla="*/ 1305756 w 6809163"/>
              <a:gd name="connsiteY190" fmla="*/ 6365944 h 6826901"/>
              <a:gd name="connsiteX191" fmla="*/ 1305756 w 6809163"/>
              <a:gd name="connsiteY191" fmla="*/ 6294643 h 6826901"/>
              <a:gd name="connsiteX192" fmla="*/ 1091853 w 6809163"/>
              <a:gd name="connsiteY192" fmla="*/ 6294643 h 6826901"/>
              <a:gd name="connsiteX193" fmla="*/ 1091853 w 6809163"/>
              <a:gd name="connsiteY193" fmla="*/ 6365944 h 6826901"/>
              <a:gd name="connsiteX194" fmla="*/ 1163154 w 6809163"/>
              <a:gd name="connsiteY194" fmla="*/ 6365944 h 6826901"/>
              <a:gd name="connsiteX195" fmla="*/ 1163154 w 6809163"/>
              <a:gd name="connsiteY195" fmla="*/ 6294643 h 6826901"/>
              <a:gd name="connsiteX196" fmla="*/ 949180 w 6809163"/>
              <a:gd name="connsiteY196" fmla="*/ 6294643 h 6826901"/>
              <a:gd name="connsiteX197" fmla="*/ 949180 w 6809163"/>
              <a:gd name="connsiteY197" fmla="*/ 6365944 h 6826901"/>
              <a:gd name="connsiteX198" fmla="*/ 1020481 w 6809163"/>
              <a:gd name="connsiteY198" fmla="*/ 6365944 h 6826901"/>
              <a:gd name="connsiteX199" fmla="*/ 1020481 w 6809163"/>
              <a:gd name="connsiteY199" fmla="*/ 6294643 h 6826901"/>
              <a:gd name="connsiteX200" fmla="*/ 806579 w 6809163"/>
              <a:gd name="connsiteY200" fmla="*/ 6294643 h 6826901"/>
              <a:gd name="connsiteX201" fmla="*/ 806579 w 6809163"/>
              <a:gd name="connsiteY201" fmla="*/ 6365944 h 6826901"/>
              <a:gd name="connsiteX202" fmla="*/ 877880 w 6809163"/>
              <a:gd name="connsiteY202" fmla="*/ 6365944 h 6826901"/>
              <a:gd name="connsiteX203" fmla="*/ 877880 w 6809163"/>
              <a:gd name="connsiteY203" fmla="*/ 6294643 h 6826901"/>
              <a:gd name="connsiteX204" fmla="*/ 663906 w 6809163"/>
              <a:gd name="connsiteY204" fmla="*/ 6294643 h 6826901"/>
              <a:gd name="connsiteX205" fmla="*/ 663906 w 6809163"/>
              <a:gd name="connsiteY205" fmla="*/ 6365944 h 6826901"/>
              <a:gd name="connsiteX206" fmla="*/ 735207 w 6809163"/>
              <a:gd name="connsiteY206" fmla="*/ 6365944 h 6826901"/>
              <a:gd name="connsiteX207" fmla="*/ 735207 w 6809163"/>
              <a:gd name="connsiteY207" fmla="*/ 6294643 h 6826901"/>
              <a:gd name="connsiteX208" fmla="*/ 4372612 w 6809163"/>
              <a:gd name="connsiteY208" fmla="*/ 6152041 h 6826901"/>
              <a:gd name="connsiteX209" fmla="*/ 4372612 w 6809163"/>
              <a:gd name="connsiteY209" fmla="*/ 6223342 h 6826901"/>
              <a:gd name="connsiteX210" fmla="*/ 4443913 w 6809163"/>
              <a:gd name="connsiteY210" fmla="*/ 6223342 h 6826901"/>
              <a:gd name="connsiteX211" fmla="*/ 4443913 w 6809163"/>
              <a:gd name="connsiteY211" fmla="*/ 6152041 h 6826901"/>
              <a:gd name="connsiteX212" fmla="*/ 4229939 w 6809163"/>
              <a:gd name="connsiteY212" fmla="*/ 6152041 h 6826901"/>
              <a:gd name="connsiteX213" fmla="*/ 4229939 w 6809163"/>
              <a:gd name="connsiteY213" fmla="*/ 6223342 h 6826901"/>
              <a:gd name="connsiteX214" fmla="*/ 4301240 w 6809163"/>
              <a:gd name="connsiteY214" fmla="*/ 6223342 h 6826901"/>
              <a:gd name="connsiteX215" fmla="*/ 4301240 w 6809163"/>
              <a:gd name="connsiteY215" fmla="*/ 6152041 h 6826901"/>
              <a:gd name="connsiteX216" fmla="*/ 4087338 w 6809163"/>
              <a:gd name="connsiteY216" fmla="*/ 6152041 h 6826901"/>
              <a:gd name="connsiteX217" fmla="*/ 4087338 w 6809163"/>
              <a:gd name="connsiteY217" fmla="*/ 6223342 h 6826901"/>
              <a:gd name="connsiteX218" fmla="*/ 4158638 w 6809163"/>
              <a:gd name="connsiteY218" fmla="*/ 6223342 h 6826901"/>
              <a:gd name="connsiteX219" fmla="*/ 4158638 w 6809163"/>
              <a:gd name="connsiteY219" fmla="*/ 6152041 h 6826901"/>
              <a:gd name="connsiteX220" fmla="*/ 3944665 w 6809163"/>
              <a:gd name="connsiteY220" fmla="*/ 6152041 h 6826901"/>
              <a:gd name="connsiteX221" fmla="*/ 3944665 w 6809163"/>
              <a:gd name="connsiteY221" fmla="*/ 6223342 h 6826901"/>
              <a:gd name="connsiteX222" fmla="*/ 4015966 w 6809163"/>
              <a:gd name="connsiteY222" fmla="*/ 6223342 h 6826901"/>
              <a:gd name="connsiteX223" fmla="*/ 4015966 w 6809163"/>
              <a:gd name="connsiteY223" fmla="*/ 6152041 h 6826901"/>
              <a:gd name="connsiteX224" fmla="*/ 3802063 w 6809163"/>
              <a:gd name="connsiteY224" fmla="*/ 6152041 h 6826901"/>
              <a:gd name="connsiteX225" fmla="*/ 3802063 w 6809163"/>
              <a:gd name="connsiteY225" fmla="*/ 6223342 h 6826901"/>
              <a:gd name="connsiteX226" fmla="*/ 3873364 w 6809163"/>
              <a:gd name="connsiteY226" fmla="*/ 6223342 h 6826901"/>
              <a:gd name="connsiteX227" fmla="*/ 3873364 w 6809163"/>
              <a:gd name="connsiteY227" fmla="*/ 6152041 h 6826901"/>
              <a:gd name="connsiteX228" fmla="*/ 3659391 w 6809163"/>
              <a:gd name="connsiteY228" fmla="*/ 6152041 h 6826901"/>
              <a:gd name="connsiteX229" fmla="*/ 3659391 w 6809163"/>
              <a:gd name="connsiteY229" fmla="*/ 6223342 h 6826901"/>
              <a:gd name="connsiteX230" fmla="*/ 3730692 w 6809163"/>
              <a:gd name="connsiteY230" fmla="*/ 6223342 h 6826901"/>
              <a:gd name="connsiteX231" fmla="*/ 3730692 w 6809163"/>
              <a:gd name="connsiteY231" fmla="*/ 6152041 h 6826901"/>
              <a:gd name="connsiteX232" fmla="*/ 3516789 w 6809163"/>
              <a:gd name="connsiteY232" fmla="*/ 6152041 h 6826901"/>
              <a:gd name="connsiteX233" fmla="*/ 3516789 w 6809163"/>
              <a:gd name="connsiteY233" fmla="*/ 6223342 h 6826901"/>
              <a:gd name="connsiteX234" fmla="*/ 3588090 w 6809163"/>
              <a:gd name="connsiteY234" fmla="*/ 6223342 h 6826901"/>
              <a:gd name="connsiteX235" fmla="*/ 3588090 w 6809163"/>
              <a:gd name="connsiteY235" fmla="*/ 6152041 h 6826901"/>
              <a:gd name="connsiteX236" fmla="*/ 3374117 w 6809163"/>
              <a:gd name="connsiteY236" fmla="*/ 6152041 h 6826901"/>
              <a:gd name="connsiteX237" fmla="*/ 3374117 w 6809163"/>
              <a:gd name="connsiteY237" fmla="*/ 6223342 h 6826901"/>
              <a:gd name="connsiteX238" fmla="*/ 3445417 w 6809163"/>
              <a:gd name="connsiteY238" fmla="*/ 6223342 h 6826901"/>
              <a:gd name="connsiteX239" fmla="*/ 3445417 w 6809163"/>
              <a:gd name="connsiteY239" fmla="*/ 6152041 h 6826901"/>
              <a:gd name="connsiteX240" fmla="*/ 3231444 w 6809163"/>
              <a:gd name="connsiteY240" fmla="*/ 6152041 h 6826901"/>
              <a:gd name="connsiteX241" fmla="*/ 3231444 w 6809163"/>
              <a:gd name="connsiteY241" fmla="*/ 6223342 h 6826901"/>
              <a:gd name="connsiteX242" fmla="*/ 3302745 w 6809163"/>
              <a:gd name="connsiteY242" fmla="*/ 6223342 h 6826901"/>
              <a:gd name="connsiteX243" fmla="*/ 3302745 w 6809163"/>
              <a:gd name="connsiteY243" fmla="*/ 6152041 h 6826901"/>
              <a:gd name="connsiteX244" fmla="*/ 3088843 w 6809163"/>
              <a:gd name="connsiteY244" fmla="*/ 6152041 h 6826901"/>
              <a:gd name="connsiteX245" fmla="*/ 3088843 w 6809163"/>
              <a:gd name="connsiteY245" fmla="*/ 6223342 h 6826901"/>
              <a:gd name="connsiteX246" fmla="*/ 3160144 w 6809163"/>
              <a:gd name="connsiteY246" fmla="*/ 6223342 h 6826901"/>
              <a:gd name="connsiteX247" fmla="*/ 3160144 w 6809163"/>
              <a:gd name="connsiteY247" fmla="*/ 6152041 h 6826901"/>
              <a:gd name="connsiteX248" fmla="*/ 2946170 w 6809163"/>
              <a:gd name="connsiteY248" fmla="*/ 6152041 h 6826901"/>
              <a:gd name="connsiteX249" fmla="*/ 2946170 w 6809163"/>
              <a:gd name="connsiteY249" fmla="*/ 6223342 h 6826901"/>
              <a:gd name="connsiteX250" fmla="*/ 3017471 w 6809163"/>
              <a:gd name="connsiteY250" fmla="*/ 6223342 h 6826901"/>
              <a:gd name="connsiteX251" fmla="*/ 3017471 w 6809163"/>
              <a:gd name="connsiteY251" fmla="*/ 6152041 h 6826901"/>
              <a:gd name="connsiteX252" fmla="*/ 2803569 w 6809163"/>
              <a:gd name="connsiteY252" fmla="*/ 6152041 h 6826901"/>
              <a:gd name="connsiteX253" fmla="*/ 2803569 w 6809163"/>
              <a:gd name="connsiteY253" fmla="*/ 6223342 h 6826901"/>
              <a:gd name="connsiteX254" fmla="*/ 2874870 w 6809163"/>
              <a:gd name="connsiteY254" fmla="*/ 6223342 h 6826901"/>
              <a:gd name="connsiteX255" fmla="*/ 2874870 w 6809163"/>
              <a:gd name="connsiteY255" fmla="*/ 6152041 h 6826901"/>
              <a:gd name="connsiteX256" fmla="*/ 2660896 w 6809163"/>
              <a:gd name="connsiteY256" fmla="*/ 6152041 h 6826901"/>
              <a:gd name="connsiteX257" fmla="*/ 2660896 w 6809163"/>
              <a:gd name="connsiteY257" fmla="*/ 6223342 h 6826901"/>
              <a:gd name="connsiteX258" fmla="*/ 2732197 w 6809163"/>
              <a:gd name="connsiteY258" fmla="*/ 6223342 h 6826901"/>
              <a:gd name="connsiteX259" fmla="*/ 2732197 w 6809163"/>
              <a:gd name="connsiteY259" fmla="*/ 6152041 h 6826901"/>
              <a:gd name="connsiteX260" fmla="*/ 2518224 w 6809163"/>
              <a:gd name="connsiteY260" fmla="*/ 6152041 h 6826901"/>
              <a:gd name="connsiteX261" fmla="*/ 2518224 w 6809163"/>
              <a:gd name="connsiteY261" fmla="*/ 6223342 h 6826901"/>
              <a:gd name="connsiteX262" fmla="*/ 2589525 w 6809163"/>
              <a:gd name="connsiteY262" fmla="*/ 6223342 h 6826901"/>
              <a:gd name="connsiteX263" fmla="*/ 2589525 w 6809163"/>
              <a:gd name="connsiteY263" fmla="*/ 6152041 h 6826901"/>
              <a:gd name="connsiteX264" fmla="*/ 2375622 w 6809163"/>
              <a:gd name="connsiteY264" fmla="*/ 6152041 h 6826901"/>
              <a:gd name="connsiteX265" fmla="*/ 2375622 w 6809163"/>
              <a:gd name="connsiteY265" fmla="*/ 6223342 h 6826901"/>
              <a:gd name="connsiteX266" fmla="*/ 2446923 w 6809163"/>
              <a:gd name="connsiteY266" fmla="*/ 6223342 h 6826901"/>
              <a:gd name="connsiteX267" fmla="*/ 2446923 w 6809163"/>
              <a:gd name="connsiteY267" fmla="*/ 6152041 h 6826901"/>
              <a:gd name="connsiteX268" fmla="*/ 2232949 w 6809163"/>
              <a:gd name="connsiteY268" fmla="*/ 6152041 h 6826901"/>
              <a:gd name="connsiteX269" fmla="*/ 2232949 w 6809163"/>
              <a:gd name="connsiteY269" fmla="*/ 6223342 h 6826901"/>
              <a:gd name="connsiteX270" fmla="*/ 2304250 w 6809163"/>
              <a:gd name="connsiteY270" fmla="*/ 6223342 h 6826901"/>
              <a:gd name="connsiteX271" fmla="*/ 2304250 w 6809163"/>
              <a:gd name="connsiteY271" fmla="*/ 6152041 h 6826901"/>
              <a:gd name="connsiteX272" fmla="*/ 2090348 w 6809163"/>
              <a:gd name="connsiteY272" fmla="*/ 6152041 h 6826901"/>
              <a:gd name="connsiteX273" fmla="*/ 2090348 w 6809163"/>
              <a:gd name="connsiteY273" fmla="*/ 6223342 h 6826901"/>
              <a:gd name="connsiteX274" fmla="*/ 2161649 w 6809163"/>
              <a:gd name="connsiteY274" fmla="*/ 6223342 h 6826901"/>
              <a:gd name="connsiteX275" fmla="*/ 2161649 w 6809163"/>
              <a:gd name="connsiteY275" fmla="*/ 6152041 h 6826901"/>
              <a:gd name="connsiteX276" fmla="*/ 1947675 w 6809163"/>
              <a:gd name="connsiteY276" fmla="*/ 6152041 h 6826901"/>
              <a:gd name="connsiteX277" fmla="*/ 1947675 w 6809163"/>
              <a:gd name="connsiteY277" fmla="*/ 6223342 h 6826901"/>
              <a:gd name="connsiteX278" fmla="*/ 2018976 w 6809163"/>
              <a:gd name="connsiteY278" fmla="*/ 6223342 h 6826901"/>
              <a:gd name="connsiteX279" fmla="*/ 2018976 w 6809163"/>
              <a:gd name="connsiteY279" fmla="*/ 6152041 h 6826901"/>
              <a:gd name="connsiteX280" fmla="*/ 1805074 w 6809163"/>
              <a:gd name="connsiteY280" fmla="*/ 6152041 h 6826901"/>
              <a:gd name="connsiteX281" fmla="*/ 1805074 w 6809163"/>
              <a:gd name="connsiteY281" fmla="*/ 6223342 h 6826901"/>
              <a:gd name="connsiteX282" fmla="*/ 1876375 w 6809163"/>
              <a:gd name="connsiteY282" fmla="*/ 6223342 h 6826901"/>
              <a:gd name="connsiteX283" fmla="*/ 1876375 w 6809163"/>
              <a:gd name="connsiteY283" fmla="*/ 6152041 h 6826901"/>
              <a:gd name="connsiteX284" fmla="*/ 1662401 w 6809163"/>
              <a:gd name="connsiteY284" fmla="*/ 6152041 h 6826901"/>
              <a:gd name="connsiteX285" fmla="*/ 1662401 w 6809163"/>
              <a:gd name="connsiteY285" fmla="*/ 6223342 h 6826901"/>
              <a:gd name="connsiteX286" fmla="*/ 1733702 w 6809163"/>
              <a:gd name="connsiteY286" fmla="*/ 6223342 h 6826901"/>
              <a:gd name="connsiteX287" fmla="*/ 1733702 w 6809163"/>
              <a:gd name="connsiteY287" fmla="*/ 6152041 h 6826901"/>
              <a:gd name="connsiteX288" fmla="*/ 1519800 w 6809163"/>
              <a:gd name="connsiteY288" fmla="*/ 6152041 h 6826901"/>
              <a:gd name="connsiteX289" fmla="*/ 1519800 w 6809163"/>
              <a:gd name="connsiteY289" fmla="*/ 6223342 h 6826901"/>
              <a:gd name="connsiteX290" fmla="*/ 1591101 w 6809163"/>
              <a:gd name="connsiteY290" fmla="*/ 6223342 h 6826901"/>
              <a:gd name="connsiteX291" fmla="*/ 1591101 w 6809163"/>
              <a:gd name="connsiteY291" fmla="*/ 6152041 h 6826901"/>
              <a:gd name="connsiteX292" fmla="*/ 1377127 w 6809163"/>
              <a:gd name="connsiteY292" fmla="*/ 6152041 h 6826901"/>
              <a:gd name="connsiteX293" fmla="*/ 1377127 w 6809163"/>
              <a:gd name="connsiteY293" fmla="*/ 6223342 h 6826901"/>
              <a:gd name="connsiteX294" fmla="*/ 1448428 w 6809163"/>
              <a:gd name="connsiteY294" fmla="*/ 6223342 h 6826901"/>
              <a:gd name="connsiteX295" fmla="*/ 1448428 w 6809163"/>
              <a:gd name="connsiteY295" fmla="*/ 6152041 h 6826901"/>
              <a:gd name="connsiteX296" fmla="*/ 1234455 w 6809163"/>
              <a:gd name="connsiteY296" fmla="*/ 6152041 h 6826901"/>
              <a:gd name="connsiteX297" fmla="*/ 1234455 w 6809163"/>
              <a:gd name="connsiteY297" fmla="*/ 6223342 h 6826901"/>
              <a:gd name="connsiteX298" fmla="*/ 1305756 w 6809163"/>
              <a:gd name="connsiteY298" fmla="*/ 6223342 h 6826901"/>
              <a:gd name="connsiteX299" fmla="*/ 1305756 w 6809163"/>
              <a:gd name="connsiteY299" fmla="*/ 6152041 h 6826901"/>
              <a:gd name="connsiteX300" fmla="*/ 1091853 w 6809163"/>
              <a:gd name="connsiteY300" fmla="*/ 6152041 h 6826901"/>
              <a:gd name="connsiteX301" fmla="*/ 1091853 w 6809163"/>
              <a:gd name="connsiteY301" fmla="*/ 6223342 h 6826901"/>
              <a:gd name="connsiteX302" fmla="*/ 1163154 w 6809163"/>
              <a:gd name="connsiteY302" fmla="*/ 6223342 h 6826901"/>
              <a:gd name="connsiteX303" fmla="*/ 1163154 w 6809163"/>
              <a:gd name="connsiteY303" fmla="*/ 6152041 h 6826901"/>
              <a:gd name="connsiteX304" fmla="*/ 949180 w 6809163"/>
              <a:gd name="connsiteY304" fmla="*/ 6152041 h 6826901"/>
              <a:gd name="connsiteX305" fmla="*/ 949180 w 6809163"/>
              <a:gd name="connsiteY305" fmla="*/ 6223342 h 6826901"/>
              <a:gd name="connsiteX306" fmla="*/ 1020481 w 6809163"/>
              <a:gd name="connsiteY306" fmla="*/ 6223342 h 6826901"/>
              <a:gd name="connsiteX307" fmla="*/ 1020481 w 6809163"/>
              <a:gd name="connsiteY307" fmla="*/ 6152041 h 6826901"/>
              <a:gd name="connsiteX308" fmla="*/ 806579 w 6809163"/>
              <a:gd name="connsiteY308" fmla="*/ 6152041 h 6826901"/>
              <a:gd name="connsiteX309" fmla="*/ 806579 w 6809163"/>
              <a:gd name="connsiteY309" fmla="*/ 6223342 h 6826901"/>
              <a:gd name="connsiteX310" fmla="*/ 877880 w 6809163"/>
              <a:gd name="connsiteY310" fmla="*/ 6223342 h 6826901"/>
              <a:gd name="connsiteX311" fmla="*/ 877880 w 6809163"/>
              <a:gd name="connsiteY311" fmla="*/ 6152041 h 6826901"/>
              <a:gd name="connsiteX312" fmla="*/ 4657886 w 6809163"/>
              <a:gd name="connsiteY312" fmla="*/ 6009369 h 6826901"/>
              <a:gd name="connsiteX313" fmla="*/ 4657886 w 6809163"/>
              <a:gd name="connsiteY313" fmla="*/ 6080670 h 6826901"/>
              <a:gd name="connsiteX314" fmla="*/ 4729187 w 6809163"/>
              <a:gd name="connsiteY314" fmla="*/ 6080670 h 6826901"/>
              <a:gd name="connsiteX315" fmla="*/ 4729187 w 6809163"/>
              <a:gd name="connsiteY315" fmla="*/ 6009369 h 6826901"/>
              <a:gd name="connsiteX316" fmla="*/ 4515284 w 6809163"/>
              <a:gd name="connsiteY316" fmla="*/ 6009369 h 6826901"/>
              <a:gd name="connsiteX317" fmla="*/ 4515284 w 6809163"/>
              <a:gd name="connsiteY317" fmla="*/ 6080670 h 6826901"/>
              <a:gd name="connsiteX318" fmla="*/ 4586584 w 6809163"/>
              <a:gd name="connsiteY318" fmla="*/ 6080670 h 6826901"/>
              <a:gd name="connsiteX319" fmla="*/ 4586584 w 6809163"/>
              <a:gd name="connsiteY319" fmla="*/ 6009369 h 6826901"/>
              <a:gd name="connsiteX320" fmla="*/ 4372612 w 6809163"/>
              <a:gd name="connsiteY320" fmla="*/ 6009369 h 6826901"/>
              <a:gd name="connsiteX321" fmla="*/ 4372612 w 6809163"/>
              <a:gd name="connsiteY321" fmla="*/ 6080670 h 6826901"/>
              <a:gd name="connsiteX322" fmla="*/ 4443913 w 6809163"/>
              <a:gd name="connsiteY322" fmla="*/ 6080670 h 6826901"/>
              <a:gd name="connsiteX323" fmla="*/ 4443913 w 6809163"/>
              <a:gd name="connsiteY323" fmla="*/ 6009369 h 6826901"/>
              <a:gd name="connsiteX324" fmla="*/ 4229939 w 6809163"/>
              <a:gd name="connsiteY324" fmla="*/ 6009369 h 6826901"/>
              <a:gd name="connsiteX325" fmla="*/ 4229939 w 6809163"/>
              <a:gd name="connsiteY325" fmla="*/ 6080670 h 6826901"/>
              <a:gd name="connsiteX326" fmla="*/ 4301240 w 6809163"/>
              <a:gd name="connsiteY326" fmla="*/ 6080670 h 6826901"/>
              <a:gd name="connsiteX327" fmla="*/ 4301240 w 6809163"/>
              <a:gd name="connsiteY327" fmla="*/ 6009369 h 6826901"/>
              <a:gd name="connsiteX328" fmla="*/ 4087338 w 6809163"/>
              <a:gd name="connsiteY328" fmla="*/ 6009369 h 6826901"/>
              <a:gd name="connsiteX329" fmla="*/ 4087338 w 6809163"/>
              <a:gd name="connsiteY329" fmla="*/ 6080670 h 6826901"/>
              <a:gd name="connsiteX330" fmla="*/ 4158638 w 6809163"/>
              <a:gd name="connsiteY330" fmla="*/ 6080670 h 6826901"/>
              <a:gd name="connsiteX331" fmla="*/ 4158638 w 6809163"/>
              <a:gd name="connsiteY331" fmla="*/ 6009369 h 6826901"/>
              <a:gd name="connsiteX332" fmla="*/ 3944665 w 6809163"/>
              <a:gd name="connsiteY332" fmla="*/ 6009369 h 6826901"/>
              <a:gd name="connsiteX333" fmla="*/ 3944665 w 6809163"/>
              <a:gd name="connsiteY333" fmla="*/ 6080670 h 6826901"/>
              <a:gd name="connsiteX334" fmla="*/ 4015966 w 6809163"/>
              <a:gd name="connsiteY334" fmla="*/ 6080670 h 6826901"/>
              <a:gd name="connsiteX335" fmla="*/ 4015966 w 6809163"/>
              <a:gd name="connsiteY335" fmla="*/ 6009369 h 6826901"/>
              <a:gd name="connsiteX336" fmla="*/ 3802063 w 6809163"/>
              <a:gd name="connsiteY336" fmla="*/ 6009369 h 6826901"/>
              <a:gd name="connsiteX337" fmla="*/ 3802063 w 6809163"/>
              <a:gd name="connsiteY337" fmla="*/ 6080670 h 6826901"/>
              <a:gd name="connsiteX338" fmla="*/ 3873364 w 6809163"/>
              <a:gd name="connsiteY338" fmla="*/ 6080670 h 6826901"/>
              <a:gd name="connsiteX339" fmla="*/ 3873364 w 6809163"/>
              <a:gd name="connsiteY339" fmla="*/ 6009369 h 6826901"/>
              <a:gd name="connsiteX340" fmla="*/ 3659391 w 6809163"/>
              <a:gd name="connsiteY340" fmla="*/ 6009369 h 6826901"/>
              <a:gd name="connsiteX341" fmla="*/ 3659391 w 6809163"/>
              <a:gd name="connsiteY341" fmla="*/ 6080670 h 6826901"/>
              <a:gd name="connsiteX342" fmla="*/ 3730692 w 6809163"/>
              <a:gd name="connsiteY342" fmla="*/ 6080670 h 6826901"/>
              <a:gd name="connsiteX343" fmla="*/ 3730692 w 6809163"/>
              <a:gd name="connsiteY343" fmla="*/ 6009369 h 6826901"/>
              <a:gd name="connsiteX344" fmla="*/ 3516789 w 6809163"/>
              <a:gd name="connsiteY344" fmla="*/ 6009369 h 6826901"/>
              <a:gd name="connsiteX345" fmla="*/ 3516789 w 6809163"/>
              <a:gd name="connsiteY345" fmla="*/ 6080670 h 6826901"/>
              <a:gd name="connsiteX346" fmla="*/ 3588090 w 6809163"/>
              <a:gd name="connsiteY346" fmla="*/ 6080670 h 6826901"/>
              <a:gd name="connsiteX347" fmla="*/ 3588090 w 6809163"/>
              <a:gd name="connsiteY347" fmla="*/ 6009369 h 6826901"/>
              <a:gd name="connsiteX348" fmla="*/ 3374117 w 6809163"/>
              <a:gd name="connsiteY348" fmla="*/ 6009369 h 6826901"/>
              <a:gd name="connsiteX349" fmla="*/ 3374117 w 6809163"/>
              <a:gd name="connsiteY349" fmla="*/ 6080670 h 6826901"/>
              <a:gd name="connsiteX350" fmla="*/ 3445417 w 6809163"/>
              <a:gd name="connsiteY350" fmla="*/ 6080670 h 6826901"/>
              <a:gd name="connsiteX351" fmla="*/ 3445417 w 6809163"/>
              <a:gd name="connsiteY351" fmla="*/ 6009369 h 6826901"/>
              <a:gd name="connsiteX352" fmla="*/ 3231444 w 6809163"/>
              <a:gd name="connsiteY352" fmla="*/ 6009369 h 6826901"/>
              <a:gd name="connsiteX353" fmla="*/ 3231444 w 6809163"/>
              <a:gd name="connsiteY353" fmla="*/ 6080670 h 6826901"/>
              <a:gd name="connsiteX354" fmla="*/ 3302745 w 6809163"/>
              <a:gd name="connsiteY354" fmla="*/ 6080670 h 6826901"/>
              <a:gd name="connsiteX355" fmla="*/ 3302745 w 6809163"/>
              <a:gd name="connsiteY355" fmla="*/ 6009369 h 6826901"/>
              <a:gd name="connsiteX356" fmla="*/ 3088843 w 6809163"/>
              <a:gd name="connsiteY356" fmla="*/ 6009369 h 6826901"/>
              <a:gd name="connsiteX357" fmla="*/ 3088843 w 6809163"/>
              <a:gd name="connsiteY357" fmla="*/ 6080670 h 6826901"/>
              <a:gd name="connsiteX358" fmla="*/ 3160144 w 6809163"/>
              <a:gd name="connsiteY358" fmla="*/ 6080670 h 6826901"/>
              <a:gd name="connsiteX359" fmla="*/ 3160144 w 6809163"/>
              <a:gd name="connsiteY359" fmla="*/ 6009369 h 6826901"/>
              <a:gd name="connsiteX360" fmla="*/ 2946170 w 6809163"/>
              <a:gd name="connsiteY360" fmla="*/ 6009369 h 6826901"/>
              <a:gd name="connsiteX361" fmla="*/ 2946170 w 6809163"/>
              <a:gd name="connsiteY361" fmla="*/ 6080670 h 6826901"/>
              <a:gd name="connsiteX362" fmla="*/ 3017471 w 6809163"/>
              <a:gd name="connsiteY362" fmla="*/ 6080670 h 6826901"/>
              <a:gd name="connsiteX363" fmla="*/ 3017471 w 6809163"/>
              <a:gd name="connsiteY363" fmla="*/ 6009369 h 6826901"/>
              <a:gd name="connsiteX364" fmla="*/ 2803569 w 6809163"/>
              <a:gd name="connsiteY364" fmla="*/ 6009369 h 6826901"/>
              <a:gd name="connsiteX365" fmla="*/ 2803569 w 6809163"/>
              <a:gd name="connsiteY365" fmla="*/ 6080670 h 6826901"/>
              <a:gd name="connsiteX366" fmla="*/ 2874870 w 6809163"/>
              <a:gd name="connsiteY366" fmla="*/ 6080670 h 6826901"/>
              <a:gd name="connsiteX367" fmla="*/ 2874870 w 6809163"/>
              <a:gd name="connsiteY367" fmla="*/ 6009369 h 6826901"/>
              <a:gd name="connsiteX368" fmla="*/ 2660896 w 6809163"/>
              <a:gd name="connsiteY368" fmla="*/ 6009369 h 6826901"/>
              <a:gd name="connsiteX369" fmla="*/ 2660896 w 6809163"/>
              <a:gd name="connsiteY369" fmla="*/ 6080670 h 6826901"/>
              <a:gd name="connsiteX370" fmla="*/ 2732197 w 6809163"/>
              <a:gd name="connsiteY370" fmla="*/ 6080670 h 6826901"/>
              <a:gd name="connsiteX371" fmla="*/ 2732197 w 6809163"/>
              <a:gd name="connsiteY371" fmla="*/ 6009369 h 6826901"/>
              <a:gd name="connsiteX372" fmla="*/ 2518224 w 6809163"/>
              <a:gd name="connsiteY372" fmla="*/ 6009369 h 6826901"/>
              <a:gd name="connsiteX373" fmla="*/ 2518224 w 6809163"/>
              <a:gd name="connsiteY373" fmla="*/ 6080670 h 6826901"/>
              <a:gd name="connsiteX374" fmla="*/ 2589525 w 6809163"/>
              <a:gd name="connsiteY374" fmla="*/ 6080670 h 6826901"/>
              <a:gd name="connsiteX375" fmla="*/ 2589525 w 6809163"/>
              <a:gd name="connsiteY375" fmla="*/ 6009369 h 6826901"/>
              <a:gd name="connsiteX376" fmla="*/ 2375622 w 6809163"/>
              <a:gd name="connsiteY376" fmla="*/ 6009369 h 6826901"/>
              <a:gd name="connsiteX377" fmla="*/ 2375622 w 6809163"/>
              <a:gd name="connsiteY377" fmla="*/ 6080670 h 6826901"/>
              <a:gd name="connsiteX378" fmla="*/ 2446923 w 6809163"/>
              <a:gd name="connsiteY378" fmla="*/ 6080670 h 6826901"/>
              <a:gd name="connsiteX379" fmla="*/ 2446923 w 6809163"/>
              <a:gd name="connsiteY379" fmla="*/ 6009369 h 6826901"/>
              <a:gd name="connsiteX380" fmla="*/ 2232949 w 6809163"/>
              <a:gd name="connsiteY380" fmla="*/ 6009369 h 6826901"/>
              <a:gd name="connsiteX381" fmla="*/ 2232949 w 6809163"/>
              <a:gd name="connsiteY381" fmla="*/ 6080670 h 6826901"/>
              <a:gd name="connsiteX382" fmla="*/ 2304250 w 6809163"/>
              <a:gd name="connsiteY382" fmla="*/ 6080670 h 6826901"/>
              <a:gd name="connsiteX383" fmla="*/ 2304250 w 6809163"/>
              <a:gd name="connsiteY383" fmla="*/ 6009369 h 6826901"/>
              <a:gd name="connsiteX384" fmla="*/ 2090348 w 6809163"/>
              <a:gd name="connsiteY384" fmla="*/ 6009369 h 6826901"/>
              <a:gd name="connsiteX385" fmla="*/ 2090348 w 6809163"/>
              <a:gd name="connsiteY385" fmla="*/ 6080670 h 6826901"/>
              <a:gd name="connsiteX386" fmla="*/ 2161649 w 6809163"/>
              <a:gd name="connsiteY386" fmla="*/ 6080670 h 6826901"/>
              <a:gd name="connsiteX387" fmla="*/ 2161649 w 6809163"/>
              <a:gd name="connsiteY387" fmla="*/ 6009369 h 6826901"/>
              <a:gd name="connsiteX388" fmla="*/ 1947675 w 6809163"/>
              <a:gd name="connsiteY388" fmla="*/ 6009369 h 6826901"/>
              <a:gd name="connsiteX389" fmla="*/ 1947675 w 6809163"/>
              <a:gd name="connsiteY389" fmla="*/ 6080670 h 6826901"/>
              <a:gd name="connsiteX390" fmla="*/ 2018976 w 6809163"/>
              <a:gd name="connsiteY390" fmla="*/ 6080670 h 6826901"/>
              <a:gd name="connsiteX391" fmla="*/ 2018976 w 6809163"/>
              <a:gd name="connsiteY391" fmla="*/ 6009369 h 6826901"/>
              <a:gd name="connsiteX392" fmla="*/ 1805074 w 6809163"/>
              <a:gd name="connsiteY392" fmla="*/ 6009369 h 6826901"/>
              <a:gd name="connsiteX393" fmla="*/ 1805074 w 6809163"/>
              <a:gd name="connsiteY393" fmla="*/ 6080670 h 6826901"/>
              <a:gd name="connsiteX394" fmla="*/ 1876375 w 6809163"/>
              <a:gd name="connsiteY394" fmla="*/ 6080670 h 6826901"/>
              <a:gd name="connsiteX395" fmla="*/ 1876375 w 6809163"/>
              <a:gd name="connsiteY395" fmla="*/ 6009369 h 6826901"/>
              <a:gd name="connsiteX396" fmla="*/ 1662401 w 6809163"/>
              <a:gd name="connsiteY396" fmla="*/ 6009369 h 6826901"/>
              <a:gd name="connsiteX397" fmla="*/ 1662401 w 6809163"/>
              <a:gd name="connsiteY397" fmla="*/ 6080670 h 6826901"/>
              <a:gd name="connsiteX398" fmla="*/ 1733702 w 6809163"/>
              <a:gd name="connsiteY398" fmla="*/ 6080670 h 6826901"/>
              <a:gd name="connsiteX399" fmla="*/ 1733702 w 6809163"/>
              <a:gd name="connsiteY399" fmla="*/ 6009369 h 6826901"/>
              <a:gd name="connsiteX400" fmla="*/ 1519800 w 6809163"/>
              <a:gd name="connsiteY400" fmla="*/ 6009369 h 6826901"/>
              <a:gd name="connsiteX401" fmla="*/ 1519800 w 6809163"/>
              <a:gd name="connsiteY401" fmla="*/ 6080670 h 6826901"/>
              <a:gd name="connsiteX402" fmla="*/ 1591101 w 6809163"/>
              <a:gd name="connsiteY402" fmla="*/ 6080670 h 6826901"/>
              <a:gd name="connsiteX403" fmla="*/ 1591101 w 6809163"/>
              <a:gd name="connsiteY403" fmla="*/ 6009369 h 6826901"/>
              <a:gd name="connsiteX404" fmla="*/ 1377127 w 6809163"/>
              <a:gd name="connsiteY404" fmla="*/ 6009369 h 6826901"/>
              <a:gd name="connsiteX405" fmla="*/ 1377127 w 6809163"/>
              <a:gd name="connsiteY405" fmla="*/ 6080670 h 6826901"/>
              <a:gd name="connsiteX406" fmla="*/ 1448428 w 6809163"/>
              <a:gd name="connsiteY406" fmla="*/ 6080670 h 6826901"/>
              <a:gd name="connsiteX407" fmla="*/ 1448428 w 6809163"/>
              <a:gd name="connsiteY407" fmla="*/ 6009369 h 6826901"/>
              <a:gd name="connsiteX408" fmla="*/ 1234455 w 6809163"/>
              <a:gd name="connsiteY408" fmla="*/ 6009369 h 6826901"/>
              <a:gd name="connsiteX409" fmla="*/ 1234455 w 6809163"/>
              <a:gd name="connsiteY409" fmla="*/ 6080670 h 6826901"/>
              <a:gd name="connsiteX410" fmla="*/ 1305756 w 6809163"/>
              <a:gd name="connsiteY410" fmla="*/ 6080670 h 6826901"/>
              <a:gd name="connsiteX411" fmla="*/ 1305756 w 6809163"/>
              <a:gd name="connsiteY411" fmla="*/ 6009369 h 6826901"/>
              <a:gd name="connsiteX412" fmla="*/ 1091853 w 6809163"/>
              <a:gd name="connsiteY412" fmla="*/ 6009369 h 6826901"/>
              <a:gd name="connsiteX413" fmla="*/ 1091853 w 6809163"/>
              <a:gd name="connsiteY413" fmla="*/ 6080670 h 6826901"/>
              <a:gd name="connsiteX414" fmla="*/ 1163154 w 6809163"/>
              <a:gd name="connsiteY414" fmla="*/ 6080670 h 6826901"/>
              <a:gd name="connsiteX415" fmla="*/ 1163154 w 6809163"/>
              <a:gd name="connsiteY415" fmla="*/ 6009369 h 6826901"/>
              <a:gd name="connsiteX416" fmla="*/ 949180 w 6809163"/>
              <a:gd name="connsiteY416" fmla="*/ 6009369 h 6826901"/>
              <a:gd name="connsiteX417" fmla="*/ 949180 w 6809163"/>
              <a:gd name="connsiteY417" fmla="*/ 6080670 h 6826901"/>
              <a:gd name="connsiteX418" fmla="*/ 1020481 w 6809163"/>
              <a:gd name="connsiteY418" fmla="*/ 6080670 h 6826901"/>
              <a:gd name="connsiteX419" fmla="*/ 1020481 w 6809163"/>
              <a:gd name="connsiteY419" fmla="*/ 6009369 h 6826901"/>
              <a:gd name="connsiteX420" fmla="*/ 6807516 w 6809163"/>
              <a:gd name="connsiteY420" fmla="*/ 0 h 6826901"/>
              <a:gd name="connsiteX421" fmla="*/ 6809163 w 6809163"/>
              <a:gd name="connsiteY421" fmla="*/ 6826901 h 6826901"/>
              <a:gd name="connsiteX422" fmla="*/ 0 w 6809163"/>
              <a:gd name="connsiteY422" fmla="*/ 6826901 h 6826901"/>
              <a:gd name="connsiteX423" fmla="*/ 378632 w 6809163"/>
              <a:gd name="connsiteY423" fmla="*/ 6447189 h 6826901"/>
              <a:gd name="connsiteX424" fmla="*/ 378632 w 6809163"/>
              <a:gd name="connsiteY424" fmla="*/ 6514582 h 6826901"/>
              <a:gd name="connsiteX425" fmla="*/ 449934 w 6809163"/>
              <a:gd name="connsiteY425" fmla="*/ 6514582 h 6826901"/>
              <a:gd name="connsiteX426" fmla="*/ 449934 w 6809163"/>
              <a:gd name="connsiteY426" fmla="*/ 6443281 h 6826901"/>
              <a:gd name="connsiteX427" fmla="*/ 382530 w 6809163"/>
              <a:gd name="connsiteY427" fmla="*/ 6443281 h 6826901"/>
              <a:gd name="connsiteX428" fmla="*/ 521234 w 6809163"/>
              <a:gd name="connsiteY428" fmla="*/ 6304180 h 6826901"/>
              <a:gd name="connsiteX429" fmla="*/ 521234 w 6809163"/>
              <a:gd name="connsiteY429" fmla="*/ 6365944 h 6826901"/>
              <a:gd name="connsiteX430" fmla="*/ 592536 w 6809163"/>
              <a:gd name="connsiteY430" fmla="*/ 6365944 h 6826901"/>
              <a:gd name="connsiteX431" fmla="*/ 592536 w 6809163"/>
              <a:gd name="connsiteY431" fmla="*/ 6294643 h 6826901"/>
              <a:gd name="connsiteX432" fmla="*/ 530745 w 6809163"/>
              <a:gd name="connsiteY432" fmla="*/ 6294643 h 6826901"/>
              <a:gd name="connsiteX433" fmla="*/ 663906 w 6809163"/>
              <a:gd name="connsiteY433" fmla="*/ 6161102 h 6826901"/>
              <a:gd name="connsiteX434" fmla="*/ 663906 w 6809163"/>
              <a:gd name="connsiteY434" fmla="*/ 6223342 h 6826901"/>
              <a:gd name="connsiteX435" fmla="*/ 735207 w 6809163"/>
              <a:gd name="connsiteY435" fmla="*/ 6223342 h 6826901"/>
              <a:gd name="connsiteX436" fmla="*/ 735207 w 6809163"/>
              <a:gd name="connsiteY436" fmla="*/ 6152041 h 6826901"/>
              <a:gd name="connsiteX437" fmla="*/ 672942 w 6809163"/>
              <a:gd name="connsiteY437" fmla="*/ 6152041 h 6826901"/>
              <a:gd name="connsiteX438" fmla="*/ 806579 w 6809163"/>
              <a:gd name="connsiteY438" fmla="*/ 6018022 h 6826901"/>
              <a:gd name="connsiteX439" fmla="*/ 806579 w 6809163"/>
              <a:gd name="connsiteY439" fmla="*/ 6080670 h 6826901"/>
              <a:gd name="connsiteX440" fmla="*/ 877880 w 6809163"/>
              <a:gd name="connsiteY440" fmla="*/ 6080670 h 6826901"/>
              <a:gd name="connsiteX441" fmla="*/ 877880 w 6809163"/>
              <a:gd name="connsiteY441" fmla="*/ 6009369 h 6826901"/>
              <a:gd name="connsiteX442" fmla="*/ 815208 w 6809163"/>
              <a:gd name="connsiteY442" fmla="*/ 6009369 h 68269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Lst>
            <a:rect l="l" t="t" r="r" b="b"/>
            <a:pathLst>
              <a:path w="6809163" h="6826901">
                <a:moveTo>
                  <a:pt x="3659391" y="6443281"/>
                </a:moveTo>
                <a:lnTo>
                  <a:pt x="3659391" y="6514582"/>
                </a:lnTo>
                <a:lnTo>
                  <a:pt x="3730692" y="6514582"/>
                </a:lnTo>
                <a:lnTo>
                  <a:pt x="3730692" y="6443281"/>
                </a:lnTo>
                <a:close/>
                <a:moveTo>
                  <a:pt x="3516789" y="6443281"/>
                </a:moveTo>
                <a:lnTo>
                  <a:pt x="3516789" y="6514582"/>
                </a:lnTo>
                <a:lnTo>
                  <a:pt x="3588090" y="6514582"/>
                </a:lnTo>
                <a:lnTo>
                  <a:pt x="3588090" y="6443281"/>
                </a:lnTo>
                <a:close/>
                <a:moveTo>
                  <a:pt x="3374117" y="6443281"/>
                </a:moveTo>
                <a:lnTo>
                  <a:pt x="3374117" y="6514582"/>
                </a:lnTo>
                <a:lnTo>
                  <a:pt x="3445417" y="6514582"/>
                </a:lnTo>
                <a:lnTo>
                  <a:pt x="3445417" y="6443281"/>
                </a:lnTo>
                <a:close/>
                <a:moveTo>
                  <a:pt x="3231444" y="6443281"/>
                </a:moveTo>
                <a:lnTo>
                  <a:pt x="3231444" y="6514582"/>
                </a:lnTo>
                <a:lnTo>
                  <a:pt x="3302745" y="6514582"/>
                </a:lnTo>
                <a:lnTo>
                  <a:pt x="3302745" y="6443281"/>
                </a:lnTo>
                <a:close/>
                <a:moveTo>
                  <a:pt x="3088843" y="6443281"/>
                </a:moveTo>
                <a:lnTo>
                  <a:pt x="3088843" y="6514582"/>
                </a:lnTo>
                <a:lnTo>
                  <a:pt x="3160144" y="6514582"/>
                </a:lnTo>
                <a:lnTo>
                  <a:pt x="3160144" y="6443281"/>
                </a:lnTo>
                <a:close/>
                <a:moveTo>
                  <a:pt x="2946170" y="6443281"/>
                </a:moveTo>
                <a:lnTo>
                  <a:pt x="2946170" y="6514582"/>
                </a:lnTo>
                <a:lnTo>
                  <a:pt x="3017471" y="6514582"/>
                </a:lnTo>
                <a:lnTo>
                  <a:pt x="3017471" y="6443281"/>
                </a:lnTo>
                <a:close/>
                <a:moveTo>
                  <a:pt x="2803569" y="6443281"/>
                </a:moveTo>
                <a:lnTo>
                  <a:pt x="2803569" y="6514582"/>
                </a:lnTo>
                <a:lnTo>
                  <a:pt x="2874870" y="6514582"/>
                </a:lnTo>
                <a:lnTo>
                  <a:pt x="2874870" y="6443281"/>
                </a:lnTo>
                <a:close/>
                <a:moveTo>
                  <a:pt x="2660896" y="6443281"/>
                </a:moveTo>
                <a:lnTo>
                  <a:pt x="2660896" y="6514582"/>
                </a:lnTo>
                <a:lnTo>
                  <a:pt x="2732197" y="6514582"/>
                </a:lnTo>
                <a:lnTo>
                  <a:pt x="2732197" y="6443281"/>
                </a:lnTo>
                <a:close/>
                <a:moveTo>
                  <a:pt x="2518224" y="6443281"/>
                </a:moveTo>
                <a:lnTo>
                  <a:pt x="2518224" y="6514582"/>
                </a:lnTo>
                <a:lnTo>
                  <a:pt x="2589525" y="6514582"/>
                </a:lnTo>
                <a:lnTo>
                  <a:pt x="2589525" y="6443281"/>
                </a:lnTo>
                <a:close/>
                <a:moveTo>
                  <a:pt x="2375622" y="6443281"/>
                </a:moveTo>
                <a:lnTo>
                  <a:pt x="2375622" y="6514582"/>
                </a:lnTo>
                <a:lnTo>
                  <a:pt x="2446923" y="6514582"/>
                </a:lnTo>
                <a:lnTo>
                  <a:pt x="2446923" y="6443281"/>
                </a:lnTo>
                <a:close/>
                <a:moveTo>
                  <a:pt x="2232949" y="6443281"/>
                </a:moveTo>
                <a:lnTo>
                  <a:pt x="2232949" y="6514582"/>
                </a:lnTo>
                <a:lnTo>
                  <a:pt x="2304250" y="6514582"/>
                </a:lnTo>
                <a:lnTo>
                  <a:pt x="2304250" y="6443281"/>
                </a:lnTo>
                <a:close/>
                <a:moveTo>
                  <a:pt x="2090348" y="6443281"/>
                </a:moveTo>
                <a:lnTo>
                  <a:pt x="2090348" y="6514582"/>
                </a:lnTo>
                <a:lnTo>
                  <a:pt x="2161649" y="6514582"/>
                </a:lnTo>
                <a:lnTo>
                  <a:pt x="2161649" y="6443281"/>
                </a:lnTo>
                <a:close/>
                <a:moveTo>
                  <a:pt x="1947675" y="6443281"/>
                </a:moveTo>
                <a:lnTo>
                  <a:pt x="1947675" y="6514582"/>
                </a:lnTo>
                <a:lnTo>
                  <a:pt x="2018976" y="6514582"/>
                </a:lnTo>
                <a:lnTo>
                  <a:pt x="2018976" y="6443281"/>
                </a:lnTo>
                <a:close/>
                <a:moveTo>
                  <a:pt x="1805074" y="6443281"/>
                </a:moveTo>
                <a:lnTo>
                  <a:pt x="1805074" y="6514582"/>
                </a:lnTo>
                <a:lnTo>
                  <a:pt x="1876375" y="6514582"/>
                </a:lnTo>
                <a:lnTo>
                  <a:pt x="1876375" y="6443281"/>
                </a:lnTo>
                <a:close/>
                <a:moveTo>
                  <a:pt x="1662401" y="6443281"/>
                </a:moveTo>
                <a:lnTo>
                  <a:pt x="1662401" y="6514582"/>
                </a:lnTo>
                <a:lnTo>
                  <a:pt x="1733702" y="6514582"/>
                </a:lnTo>
                <a:lnTo>
                  <a:pt x="1733702" y="6443281"/>
                </a:lnTo>
                <a:close/>
                <a:moveTo>
                  <a:pt x="1519800" y="6443281"/>
                </a:moveTo>
                <a:lnTo>
                  <a:pt x="1519800" y="6514582"/>
                </a:lnTo>
                <a:lnTo>
                  <a:pt x="1591101" y="6514582"/>
                </a:lnTo>
                <a:lnTo>
                  <a:pt x="1591101" y="6443281"/>
                </a:lnTo>
                <a:close/>
                <a:moveTo>
                  <a:pt x="1377127" y="6443281"/>
                </a:moveTo>
                <a:lnTo>
                  <a:pt x="1377127" y="6514582"/>
                </a:lnTo>
                <a:lnTo>
                  <a:pt x="1448428" y="6514582"/>
                </a:lnTo>
                <a:lnTo>
                  <a:pt x="1448428" y="6443281"/>
                </a:lnTo>
                <a:close/>
                <a:moveTo>
                  <a:pt x="1234455" y="6443281"/>
                </a:moveTo>
                <a:lnTo>
                  <a:pt x="1234455" y="6514582"/>
                </a:lnTo>
                <a:lnTo>
                  <a:pt x="1305756" y="6514582"/>
                </a:lnTo>
                <a:lnTo>
                  <a:pt x="1305756" y="6443281"/>
                </a:lnTo>
                <a:close/>
                <a:moveTo>
                  <a:pt x="1091853" y="6443281"/>
                </a:moveTo>
                <a:lnTo>
                  <a:pt x="1091853" y="6514582"/>
                </a:lnTo>
                <a:lnTo>
                  <a:pt x="1163154" y="6514582"/>
                </a:lnTo>
                <a:lnTo>
                  <a:pt x="1163154" y="6443281"/>
                </a:lnTo>
                <a:close/>
                <a:moveTo>
                  <a:pt x="949180" y="6443281"/>
                </a:moveTo>
                <a:lnTo>
                  <a:pt x="949180" y="6514582"/>
                </a:lnTo>
                <a:lnTo>
                  <a:pt x="1020481" y="6514582"/>
                </a:lnTo>
                <a:lnTo>
                  <a:pt x="1020481" y="6443281"/>
                </a:lnTo>
                <a:close/>
                <a:moveTo>
                  <a:pt x="806579" y="6443281"/>
                </a:moveTo>
                <a:lnTo>
                  <a:pt x="806579" y="6514582"/>
                </a:lnTo>
                <a:lnTo>
                  <a:pt x="877880" y="6514582"/>
                </a:lnTo>
                <a:lnTo>
                  <a:pt x="877880" y="6443281"/>
                </a:lnTo>
                <a:close/>
                <a:moveTo>
                  <a:pt x="663906" y="6443281"/>
                </a:moveTo>
                <a:lnTo>
                  <a:pt x="663906" y="6514582"/>
                </a:lnTo>
                <a:lnTo>
                  <a:pt x="735207" y="6514582"/>
                </a:lnTo>
                <a:lnTo>
                  <a:pt x="735207" y="6443281"/>
                </a:lnTo>
                <a:close/>
                <a:moveTo>
                  <a:pt x="521234" y="6443281"/>
                </a:moveTo>
                <a:lnTo>
                  <a:pt x="521234" y="6514582"/>
                </a:lnTo>
                <a:lnTo>
                  <a:pt x="592536" y="6514582"/>
                </a:lnTo>
                <a:lnTo>
                  <a:pt x="592536" y="6443281"/>
                </a:lnTo>
                <a:close/>
                <a:moveTo>
                  <a:pt x="4657886" y="6294643"/>
                </a:moveTo>
                <a:lnTo>
                  <a:pt x="4657886" y="6365944"/>
                </a:lnTo>
                <a:lnTo>
                  <a:pt x="4729187" y="6365944"/>
                </a:lnTo>
                <a:lnTo>
                  <a:pt x="4729187" y="6294643"/>
                </a:lnTo>
                <a:close/>
                <a:moveTo>
                  <a:pt x="4515284" y="6294643"/>
                </a:moveTo>
                <a:lnTo>
                  <a:pt x="4515284" y="6365944"/>
                </a:lnTo>
                <a:lnTo>
                  <a:pt x="4586584" y="6365944"/>
                </a:lnTo>
                <a:lnTo>
                  <a:pt x="4586584" y="6294643"/>
                </a:lnTo>
                <a:close/>
                <a:moveTo>
                  <a:pt x="4372612" y="6294643"/>
                </a:moveTo>
                <a:lnTo>
                  <a:pt x="4372612" y="6365944"/>
                </a:lnTo>
                <a:lnTo>
                  <a:pt x="4443913" y="6365944"/>
                </a:lnTo>
                <a:lnTo>
                  <a:pt x="4443913" y="6294643"/>
                </a:lnTo>
                <a:close/>
                <a:moveTo>
                  <a:pt x="4229939" y="6294643"/>
                </a:moveTo>
                <a:lnTo>
                  <a:pt x="4229939" y="6365944"/>
                </a:lnTo>
                <a:lnTo>
                  <a:pt x="4301240" y="6365944"/>
                </a:lnTo>
                <a:lnTo>
                  <a:pt x="4301240" y="6294643"/>
                </a:lnTo>
                <a:close/>
                <a:moveTo>
                  <a:pt x="4087338" y="6294643"/>
                </a:moveTo>
                <a:lnTo>
                  <a:pt x="4087338" y="6365944"/>
                </a:lnTo>
                <a:lnTo>
                  <a:pt x="4158638" y="6365944"/>
                </a:lnTo>
                <a:lnTo>
                  <a:pt x="4158638" y="6294643"/>
                </a:lnTo>
                <a:close/>
                <a:moveTo>
                  <a:pt x="3944665" y="6294643"/>
                </a:moveTo>
                <a:lnTo>
                  <a:pt x="3944665" y="6365944"/>
                </a:lnTo>
                <a:lnTo>
                  <a:pt x="4015966" y="6365944"/>
                </a:lnTo>
                <a:lnTo>
                  <a:pt x="4015966" y="6294643"/>
                </a:lnTo>
                <a:close/>
                <a:moveTo>
                  <a:pt x="3802063" y="6294643"/>
                </a:moveTo>
                <a:lnTo>
                  <a:pt x="3802063" y="6365944"/>
                </a:lnTo>
                <a:lnTo>
                  <a:pt x="3873364" y="6365944"/>
                </a:lnTo>
                <a:lnTo>
                  <a:pt x="3873364" y="6294643"/>
                </a:lnTo>
                <a:close/>
                <a:moveTo>
                  <a:pt x="3659391" y="6294643"/>
                </a:moveTo>
                <a:lnTo>
                  <a:pt x="3659391" y="6365944"/>
                </a:lnTo>
                <a:lnTo>
                  <a:pt x="3730692" y="6365944"/>
                </a:lnTo>
                <a:lnTo>
                  <a:pt x="3730692" y="6294643"/>
                </a:lnTo>
                <a:close/>
                <a:moveTo>
                  <a:pt x="3516789" y="6294643"/>
                </a:moveTo>
                <a:lnTo>
                  <a:pt x="3516789" y="6365944"/>
                </a:lnTo>
                <a:lnTo>
                  <a:pt x="3588090" y="6365944"/>
                </a:lnTo>
                <a:lnTo>
                  <a:pt x="3588090" y="6294643"/>
                </a:lnTo>
                <a:close/>
                <a:moveTo>
                  <a:pt x="3374117" y="6294643"/>
                </a:moveTo>
                <a:lnTo>
                  <a:pt x="3374117" y="6365944"/>
                </a:lnTo>
                <a:lnTo>
                  <a:pt x="3445417" y="6365944"/>
                </a:lnTo>
                <a:lnTo>
                  <a:pt x="3445417" y="6294643"/>
                </a:lnTo>
                <a:close/>
                <a:moveTo>
                  <a:pt x="3231444" y="6294643"/>
                </a:moveTo>
                <a:lnTo>
                  <a:pt x="3231444" y="6365944"/>
                </a:lnTo>
                <a:lnTo>
                  <a:pt x="3302745" y="6365944"/>
                </a:lnTo>
                <a:lnTo>
                  <a:pt x="3302745" y="6294643"/>
                </a:lnTo>
                <a:close/>
                <a:moveTo>
                  <a:pt x="3088843" y="6294643"/>
                </a:moveTo>
                <a:lnTo>
                  <a:pt x="3088843" y="6365944"/>
                </a:lnTo>
                <a:lnTo>
                  <a:pt x="3160144" y="6365944"/>
                </a:lnTo>
                <a:lnTo>
                  <a:pt x="3160144" y="6294643"/>
                </a:lnTo>
                <a:close/>
                <a:moveTo>
                  <a:pt x="2946170" y="6294643"/>
                </a:moveTo>
                <a:lnTo>
                  <a:pt x="2946170" y="6365944"/>
                </a:lnTo>
                <a:lnTo>
                  <a:pt x="3017471" y="6365944"/>
                </a:lnTo>
                <a:lnTo>
                  <a:pt x="3017471" y="6294643"/>
                </a:lnTo>
                <a:close/>
                <a:moveTo>
                  <a:pt x="2803569" y="6294643"/>
                </a:moveTo>
                <a:lnTo>
                  <a:pt x="2803569" y="6365944"/>
                </a:lnTo>
                <a:lnTo>
                  <a:pt x="2874870" y="6365944"/>
                </a:lnTo>
                <a:lnTo>
                  <a:pt x="2874870" y="6294643"/>
                </a:lnTo>
                <a:close/>
                <a:moveTo>
                  <a:pt x="2660896" y="6294643"/>
                </a:moveTo>
                <a:lnTo>
                  <a:pt x="2660896" y="6365944"/>
                </a:lnTo>
                <a:lnTo>
                  <a:pt x="2732197" y="6365944"/>
                </a:lnTo>
                <a:lnTo>
                  <a:pt x="2732197" y="6294643"/>
                </a:lnTo>
                <a:close/>
                <a:moveTo>
                  <a:pt x="2518224" y="6294643"/>
                </a:moveTo>
                <a:lnTo>
                  <a:pt x="2518224" y="6365944"/>
                </a:lnTo>
                <a:lnTo>
                  <a:pt x="2589525" y="6365944"/>
                </a:lnTo>
                <a:lnTo>
                  <a:pt x="2589525" y="6294643"/>
                </a:lnTo>
                <a:close/>
                <a:moveTo>
                  <a:pt x="2375622" y="6294643"/>
                </a:moveTo>
                <a:lnTo>
                  <a:pt x="2375622" y="6365944"/>
                </a:lnTo>
                <a:lnTo>
                  <a:pt x="2446923" y="6365944"/>
                </a:lnTo>
                <a:lnTo>
                  <a:pt x="2446923" y="6294643"/>
                </a:lnTo>
                <a:close/>
                <a:moveTo>
                  <a:pt x="2232949" y="6294643"/>
                </a:moveTo>
                <a:lnTo>
                  <a:pt x="2232949" y="6365944"/>
                </a:lnTo>
                <a:lnTo>
                  <a:pt x="2304250" y="6365944"/>
                </a:lnTo>
                <a:lnTo>
                  <a:pt x="2304250" y="6294643"/>
                </a:lnTo>
                <a:close/>
                <a:moveTo>
                  <a:pt x="2090348" y="6294643"/>
                </a:moveTo>
                <a:lnTo>
                  <a:pt x="2090348" y="6365944"/>
                </a:lnTo>
                <a:lnTo>
                  <a:pt x="2161649" y="6365944"/>
                </a:lnTo>
                <a:lnTo>
                  <a:pt x="2161649" y="6294643"/>
                </a:lnTo>
                <a:close/>
                <a:moveTo>
                  <a:pt x="1947675" y="6294643"/>
                </a:moveTo>
                <a:lnTo>
                  <a:pt x="1947675" y="6365944"/>
                </a:lnTo>
                <a:lnTo>
                  <a:pt x="2018976" y="6365944"/>
                </a:lnTo>
                <a:lnTo>
                  <a:pt x="2018976" y="6294643"/>
                </a:lnTo>
                <a:close/>
                <a:moveTo>
                  <a:pt x="1805074" y="6294643"/>
                </a:moveTo>
                <a:lnTo>
                  <a:pt x="1805074" y="6365944"/>
                </a:lnTo>
                <a:lnTo>
                  <a:pt x="1876375" y="6365944"/>
                </a:lnTo>
                <a:lnTo>
                  <a:pt x="1876375" y="6294643"/>
                </a:lnTo>
                <a:close/>
                <a:moveTo>
                  <a:pt x="1662401" y="6294643"/>
                </a:moveTo>
                <a:lnTo>
                  <a:pt x="1662401" y="6365944"/>
                </a:lnTo>
                <a:lnTo>
                  <a:pt x="1733702" y="6365944"/>
                </a:lnTo>
                <a:lnTo>
                  <a:pt x="1733702" y="6294643"/>
                </a:lnTo>
                <a:close/>
                <a:moveTo>
                  <a:pt x="1519800" y="6294643"/>
                </a:moveTo>
                <a:lnTo>
                  <a:pt x="1519800" y="6365944"/>
                </a:lnTo>
                <a:lnTo>
                  <a:pt x="1591101" y="6365944"/>
                </a:lnTo>
                <a:lnTo>
                  <a:pt x="1591101" y="6294643"/>
                </a:lnTo>
                <a:close/>
                <a:moveTo>
                  <a:pt x="1377127" y="6294643"/>
                </a:moveTo>
                <a:lnTo>
                  <a:pt x="1377127" y="6365944"/>
                </a:lnTo>
                <a:lnTo>
                  <a:pt x="1448428" y="6365944"/>
                </a:lnTo>
                <a:lnTo>
                  <a:pt x="1448428" y="6294643"/>
                </a:lnTo>
                <a:close/>
                <a:moveTo>
                  <a:pt x="1234455" y="6294643"/>
                </a:moveTo>
                <a:lnTo>
                  <a:pt x="1234455" y="6365944"/>
                </a:lnTo>
                <a:lnTo>
                  <a:pt x="1305756" y="6365944"/>
                </a:lnTo>
                <a:lnTo>
                  <a:pt x="1305756" y="6294643"/>
                </a:lnTo>
                <a:close/>
                <a:moveTo>
                  <a:pt x="1091853" y="6294643"/>
                </a:moveTo>
                <a:lnTo>
                  <a:pt x="1091853" y="6365944"/>
                </a:lnTo>
                <a:lnTo>
                  <a:pt x="1163154" y="6365944"/>
                </a:lnTo>
                <a:lnTo>
                  <a:pt x="1163154" y="6294643"/>
                </a:lnTo>
                <a:close/>
                <a:moveTo>
                  <a:pt x="949180" y="6294643"/>
                </a:moveTo>
                <a:lnTo>
                  <a:pt x="949180" y="6365944"/>
                </a:lnTo>
                <a:lnTo>
                  <a:pt x="1020481" y="6365944"/>
                </a:lnTo>
                <a:lnTo>
                  <a:pt x="1020481" y="6294643"/>
                </a:lnTo>
                <a:close/>
                <a:moveTo>
                  <a:pt x="806579" y="6294643"/>
                </a:moveTo>
                <a:lnTo>
                  <a:pt x="806579" y="6365944"/>
                </a:lnTo>
                <a:lnTo>
                  <a:pt x="877880" y="6365944"/>
                </a:lnTo>
                <a:lnTo>
                  <a:pt x="877880" y="6294643"/>
                </a:lnTo>
                <a:close/>
                <a:moveTo>
                  <a:pt x="663906" y="6294643"/>
                </a:moveTo>
                <a:lnTo>
                  <a:pt x="663906" y="6365944"/>
                </a:lnTo>
                <a:lnTo>
                  <a:pt x="735207" y="6365944"/>
                </a:lnTo>
                <a:lnTo>
                  <a:pt x="735207" y="6294643"/>
                </a:lnTo>
                <a:close/>
                <a:moveTo>
                  <a:pt x="4372612" y="6152041"/>
                </a:moveTo>
                <a:lnTo>
                  <a:pt x="4372612" y="6223342"/>
                </a:lnTo>
                <a:lnTo>
                  <a:pt x="4443913" y="6223342"/>
                </a:lnTo>
                <a:lnTo>
                  <a:pt x="4443913" y="6152041"/>
                </a:lnTo>
                <a:close/>
                <a:moveTo>
                  <a:pt x="4229939" y="6152041"/>
                </a:moveTo>
                <a:lnTo>
                  <a:pt x="4229939" y="6223342"/>
                </a:lnTo>
                <a:lnTo>
                  <a:pt x="4301240" y="6223342"/>
                </a:lnTo>
                <a:lnTo>
                  <a:pt x="4301240" y="6152041"/>
                </a:lnTo>
                <a:close/>
                <a:moveTo>
                  <a:pt x="4087338" y="6152041"/>
                </a:moveTo>
                <a:lnTo>
                  <a:pt x="4087338" y="6223342"/>
                </a:lnTo>
                <a:lnTo>
                  <a:pt x="4158638" y="6223342"/>
                </a:lnTo>
                <a:lnTo>
                  <a:pt x="4158638" y="6152041"/>
                </a:lnTo>
                <a:close/>
                <a:moveTo>
                  <a:pt x="3944665" y="6152041"/>
                </a:moveTo>
                <a:lnTo>
                  <a:pt x="3944665" y="6223342"/>
                </a:lnTo>
                <a:lnTo>
                  <a:pt x="4015966" y="6223342"/>
                </a:lnTo>
                <a:lnTo>
                  <a:pt x="4015966" y="6152041"/>
                </a:lnTo>
                <a:close/>
                <a:moveTo>
                  <a:pt x="3802063" y="6152041"/>
                </a:moveTo>
                <a:lnTo>
                  <a:pt x="3802063" y="6223342"/>
                </a:lnTo>
                <a:lnTo>
                  <a:pt x="3873364" y="6223342"/>
                </a:lnTo>
                <a:lnTo>
                  <a:pt x="3873364" y="6152041"/>
                </a:lnTo>
                <a:close/>
                <a:moveTo>
                  <a:pt x="3659391" y="6152041"/>
                </a:moveTo>
                <a:lnTo>
                  <a:pt x="3659391" y="6223342"/>
                </a:lnTo>
                <a:lnTo>
                  <a:pt x="3730692" y="6223342"/>
                </a:lnTo>
                <a:lnTo>
                  <a:pt x="3730692" y="6152041"/>
                </a:lnTo>
                <a:close/>
                <a:moveTo>
                  <a:pt x="3516789" y="6152041"/>
                </a:moveTo>
                <a:lnTo>
                  <a:pt x="3516789" y="6223342"/>
                </a:lnTo>
                <a:lnTo>
                  <a:pt x="3588090" y="6223342"/>
                </a:lnTo>
                <a:lnTo>
                  <a:pt x="3588090" y="6152041"/>
                </a:lnTo>
                <a:close/>
                <a:moveTo>
                  <a:pt x="3374117" y="6152041"/>
                </a:moveTo>
                <a:lnTo>
                  <a:pt x="3374117" y="6223342"/>
                </a:lnTo>
                <a:lnTo>
                  <a:pt x="3445417" y="6223342"/>
                </a:lnTo>
                <a:lnTo>
                  <a:pt x="3445417" y="6152041"/>
                </a:lnTo>
                <a:close/>
                <a:moveTo>
                  <a:pt x="3231444" y="6152041"/>
                </a:moveTo>
                <a:lnTo>
                  <a:pt x="3231444" y="6223342"/>
                </a:lnTo>
                <a:lnTo>
                  <a:pt x="3302745" y="6223342"/>
                </a:lnTo>
                <a:lnTo>
                  <a:pt x="3302745" y="6152041"/>
                </a:lnTo>
                <a:close/>
                <a:moveTo>
                  <a:pt x="3088843" y="6152041"/>
                </a:moveTo>
                <a:lnTo>
                  <a:pt x="3088843" y="6223342"/>
                </a:lnTo>
                <a:lnTo>
                  <a:pt x="3160144" y="6223342"/>
                </a:lnTo>
                <a:lnTo>
                  <a:pt x="3160144" y="6152041"/>
                </a:lnTo>
                <a:close/>
                <a:moveTo>
                  <a:pt x="2946170" y="6152041"/>
                </a:moveTo>
                <a:lnTo>
                  <a:pt x="2946170" y="6223342"/>
                </a:lnTo>
                <a:lnTo>
                  <a:pt x="3017471" y="6223342"/>
                </a:lnTo>
                <a:lnTo>
                  <a:pt x="3017471" y="6152041"/>
                </a:lnTo>
                <a:close/>
                <a:moveTo>
                  <a:pt x="2803569" y="6152041"/>
                </a:moveTo>
                <a:lnTo>
                  <a:pt x="2803569" y="6223342"/>
                </a:lnTo>
                <a:lnTo>
                  <a:pt x="2874870" y="6223342"/>
                </a:lnTo>
                <a:lnTo>
                  <a:pt x="2874870" y="6152041"/>
                </a:lnTo>
                <a:close/>
                <a:moveTo>
                  <a:pt x="2660896" y="6152041"/>
                </a:moveTo>
                <a:lnTo>
                  <a:pt x="2660896" y="6223342"/>
                </a:lnTo>
                <a:lnTo>
                  <a:pt x="2732197" y="6223342"/>
                </a:lnTo>
                <a:lnTo>
                  <a:pt x="2732197" y="6152041"/>
                </a:lnTo>
                <a:close/>
                <a:moveTo>
                  <a:pt x="2518224" y="6152041"/>
                </a:moveTo>
                <a:lnTo>
                  <a:pt x="2518224" y="6223342"/>
                </a:lnTo>
                <a:lnTo>
                  <a:pt x="2589525" y="6223342"/>
                </a:lnTo>
                <a:lnTo>
                  <a:pt x="2589525" y="6152041"/>
                </a:lnTo>
                <a:close/>
                <a:moveTo>
                  <a:pt x="2375622" y="6152041"/>
                </a:moveTo>
                <a:lnTo>
                  <a:pt x="2375622" y="6223342"/>
                </a:lnTo>
                <a:lnTo>
                  <a:pt x="2446923" y="6223342"/>
                </a:lnTo>
                <a:lnTo>
                  <a:pt x="2446923" y="6152041"/>
                </a:lnTo>
                <a:close/>
                <a:moveTo>
                  <a:pt x="2232949" y="6152041"/>
                </a:moveTo>
                <a:lnTo>
                  <a:pt x="2232949" y="6223342"/>
                </a:lnTo>
                <a:lnTo>
                  <a:pt x="2304250" y="6223342"/>
                </a:lnTo>
                <a:lnTo>
                  <a:pt x="2304250" y="6152041"/>
                </a:lnTo>
                <a:close/>
                <a:moveTo>
                  <a:pt x="2090348" y="6152041"/>
                </a:moveTo>
                <a:lnTo>
                  <a:pt x="2090348" y="6223342"/>
                </a:lnTo>
                <a:lnTo>
                  <a:pt x="2161649" y="6223342"/>
                </a:lnTo>
                <a:lnTo>
                  <a:pt x="2161649" y="6152041"/>
                </a:lnTo>
                <a:close/>
                <a:moveTo>
                  <a:pt x="1947675" y="6152041"/>
                </a:moveTo>
                <a:lnTo>
                  <a:pt x="1947675" y="6223342"/>
                </a:lnTo>
                <a:lnTo>
                  <a:pt x="2018976" y="6223342"/>
                </a:lnTo>
                <a:lnTo>
                  <a:pt x="2018976" y="6152041"/>
                </a:lnTo>
                <a:close/>
                <a:moveTo>
                  <a:pt x="1805074" y="6152041"/>
                </a:moveTo>
                <a:lnTo>
                  <a:pt x="1805074" y="6223342"/>
                </a:lnTo>
                <a:lnTo>
                  <a:pt x="1876375" y="6223342"/>
                </a:lnTo>
                <a:lnTo>
                  <a:pt x="1876375" y="6152041"/>
                </a:lnTo>
                <a:close/>
                <a:moveTo>
                  <a:pt x="1662401" y="6152041"/>
                </a:moveTo>
                <a:lnTo>
                  <a:pt x="1662401" y="6223342"/>
                </a:lnTo>
                <a:lnTo>
                  <a:pt x="1733702" y="6223342"/>
                </a:lnTo>
                <a:lnTo>
                  <a:pt x="1733702" y="6152041"/>
                </a:lnTo>
                <a:close/>
                <a:moveTo>
                  <a:pt x="1519800" y="6152041"/>
                </a:moveTo>
                <a:lnTo>
                  <a:pt x="1519800" y="6223342"/>
                </a:lnTo>
                <a:lnTo>
                  <a:pt x="1591101" y="6223342"/>
                </a:lnTo>
                <a:lnTo>
                  <a:pt x="1591101" y="6152041"/>
                </a:lnTo>
                <a:close/>
                <a:moveTo>
                  <a:pt x="1377127" y="6152041"/>
                </a:moveTo>
                <a:lnTo>
                  <a:pt x="1377127" y="6223342"/>
                </a:lnTo>
                <a:lnTo>
                  <a:pt x="1448428" y="6223342"/>
                </a:lnTo>
                <a:lnTo>
                  <a:pt x="1448428" y="6152041"/>
                </a:lnTo>
                <a:close/>
                <a:moveTo>
                  <a:pt x="1234455" y="6152041"/>
                </a:moveTo>
                <a:lnTo>
                  <a:pt x="1234455" y="6223342"/>
                </a:lnTo>
                <a:lnTo>
                  <a:pt x="1305756" y="6223342"/>
                </a:lnTo>
                <a:lnTo>
                  <a:pt x="1305756" y="6152041"/>
                </a:lnTo>
                <a:close/>
                <a:moveTo>
                  <a:pt x="1091853" y="6152041"/>
                </a:moveTo>
                <a:lnTo>
                  <a:pt x="1091853" y="6223342"/>
                </a:lnTo>
                <a:lnTo>
                  <a:pt x="1163154" y="6223342"/>
                </a:lnTo>
                <a:lnTo>
                  <a:pt x="1163154" y="6152041"/>
                </a:lnTo>
                <a:close/>
                <a:moveTo>
                  <a:pt x="949180" y="6152041"/>
                </a:moveTo>
                <a:lnTo>
                  <a:pt x="949180" y="6223342"/>
                </a:lnTo>
                <a:lnTo>
                  <a:pt x="1020481" y="6223342"/>
                </a:lnTo>
                <a:lnTo>
                  <a:pt x="1020481" y="6152041"/>
                </a:lnTo>
                <a:close/>
                <a:moveTo>
                  <a:pt x="806579" y="6152041"/>
                </a:moveTo>
                <a:lnTo>
                  <a:pt x="806579" y="6223342"/>
                </a:lnTo>
                <a:lnTo>
                  <a:pt x="877880" y="6223342"/>
                </a:lnTo>
                <a:lnTo>
                  <a:pt x="877880" y="6152041"/>
                </a:lnTo>
                <a:close/>
                <a:moveTo>
                  <a:pt x="4657886" y="6009369"/>
                </a:moveTo>
                <a:lnTo>
                  <a:pt x="4657886" y="6080670"/>
                </a:lnTo>
                <a:lnTo>
                  <a:pt x="4729187" y="6080670"/>
                </a:lnTo>
                <a:lnTo>
                  <a:pt x="4729187" y="6009369"/>
                </a:lnTo>
                <a:close/>
                <a:moveTo>
                  <a:pt x="4515284" y="6009369"/>
                </a:moveTo>
                <a:lnTo>
                  <a:pt x="4515284" y="6080670"/>
                </a:lnTo>
                <a:lnTo>
                  <a:pt x="4586584" y="6080670"/>
                </a:lnTo>
                <a:lnTo>
                  <a:pt x="4586584" y="6009369"/>
                </a:lnTo>
                <a:close/>
                <a:moveTo>
                  <a:pt x="4372612" y="6009369"/>
                </a:moveTo>
                <a:lnTo>
                  <a:pt x="4372612" y="6080670"/>
                </a:lnTo>
                <a:lnTo>
                  <a:pt x="4443913" y="6080670"/>
                </a:lnTo>
                <a:lnTo>
                  <a:pt x="4443913" y="6009369"/>
                </a:lnTo>
                <a:close/>
                <a:moveTo>
                  <a:pt x="4229939" y="6009369"/>
                </a:moveTo>
                <a:lnTo>
                  <a:pt x="4229939" y="6080670"/>
                </a:lnTo>
                <a:lnTo>
                  <a:pt x="4301240" y="6080670"/>
                </a:lnTo>
                <a:lnTo>
                  <a:pt x="4301240" y="6009369"/>
                </a:lnTo>
                <a:close/>
                <a:moveTo>
                  <a:pt x="4087338" y="6009369"/>
                </a:moveTo>
                <a:lnTo>
                  <a:pt x="4087338" y="6080670"/>
                </a:lnTo>
                <a:lnTo>
                  <a:pt x="4158638" y="6080670"/>
                </a:lnTo>
                <a:lnTo>
                  <a:pt x="4158638" y="6009369"/>
                </a:lnTo>
                <a:close/>
                <a:moveTo>
                  <a:pt x="3944665" y="6009369"/>
                </a:moveTo>
                <a:lnTo>
                  <a:pt x="3944665" y="6080670"/>
                </a:lnTo>
                <a:lnTo>
                  <a:pt x="4015966" y="6080670"/>
                </a:lnTo>
                <a:lnTo>
                  <a:pt x="4015966" y="6009369"/>
                </a:lnTo>
                <a:close/>
                <a:moveTo>
                  <a:pt x="3802063" y="6009369"/>
                </a:moveTo>
                <a:lnTo>
                  <a:pt x="3802063" y="6080670"/>
                </a:lnTo>
                <a:lnTo>
                  <a:pt x="3873364" y="6080670"/>
                </a:lnTo>
                <a:lnTo>
                  <a:pt x="3873364" y="6009369"/>
                </a:lnTo>
                <a:close/>
                <a:moveTo>
                  <a:pt x="3659391" y="6009369"/>
                </a:moveTo>
                <a:lnTo>
                  <a:pt x="3659391" y="6080670"/>
                </a:lnTo>
                <a:lnTo>
                  <a:pt x="3730692" y="6080670"/>
                </a:lnTo>
                <a:lnTo>
                  <a:pt x="3730692" y="6009369"/>
                </a:lnTo>
                <a:close/>
                <a:moveTo>
                  <a:pt x="3516789" y="6009369"/>
                </a:moveTo>
                <a:lnTo>
                  <a:pt x="3516789" y="6080670"/>
                </a:lnTo>
                <a:lnTo>
                  <a:pt x="3588090" y="6080670"/>
                </a:lnTo>
                <a:lnTo>
                  <a:pt x="3588090" y="6009369"/>
                </a:lnTo>
                <a:close/>
                <a:moveTo>
                  <a:pt x="3374117" y="6009369"/>
                </a:moveTo>
                <a:lnTo>
                  <a:pt x="3374117" y="6080670"/>
                </a:lnTo>
                <a:lnTo>
                  <a:pt x="3445417" y="6080670"/>
                </a:lnTo>
                <a:lnTo>
                  <a:pt x="3445417" y="6009369"/>
                </a:lnTo>
                <a:close/>
                <a:moveTo>
                  <a:pt x="3231444" y="6009369"/>
                </a:moveTo>
                <a:lnTo>
                  <a:pt x="3231444" y="6080670"/>
                </a:lnTo>
                <a:lnTo>
                  <a:pt x="3302745" y="6080670"/>
                </a:lnTo>
                <a:lnTo>
                  <a:pt x="3302745" y="6009369"/>
                </a:lnTo>
                <a:close/>
                <a:moveTo>
                  <a:pt x="3088843" y="6009369"/>
                </a:moveTo>
                <a:lnTo>
                  <a:pt x="3088843" y="6080670"/>
                </a:lnTo>
                <a:lnTo>
                  <a:pt x="3160144" y="6080670"/>
                </a:lnTo>
                <a:lnTo>
                  <a:pt x="3160144" y="6009369"/>
                </a:lnTo>
                <a:close/>
                <a:moveTo>
                  <a:pt x="2946170" y="6009369"/>
                </a:moveTo>
                <a:lnTo>
                  <a:pt x="2946170" y="6080670"/>
                </a:lnTo>
                <a:lnTo>
                  <a:pt x="3017471" y="6080670"/>
                </a:lnTo>
                <a:lnTo>
                  <a:pt x="3017471" y="6009369"/>
                </a:lnTo>
                <a:close/>
                <a:moveTo>
                  <a:pt x="2803569" y="6009369"/>
                </a:moveTo>
                <a:lnTo>
                  <a:pt x="2803569" y="6080670"/>
                </a:lnTo>
                <a:lnTo>
                  <a:pt x="2874870" y="6080670"/>
                </a:lnTo>
                <a:lnTo>
                  <a:pt x="2874870" y="6009369"/>
                </a:lnTo>
                <a:close/>
                <a:moveTo>
                  <a:pt x="2660896" y="6009369"/>
                </a:moveTo>
                <a:lnTo>
                  <a:pt x="2660896" y="6080670"/>
                </a:lnTo>
                <a:lnTo>
                  <a:pt x="2732197" y="6080670"/>
                </a:lnTo>
                <a:lnTo>
                  <a:pt x="2732197" y="6009369"/>
                </a:lnTo>
                <a:close/>
                <a:moveTo>
                  <a:pt x="2518224" y="6009369"/>
                </a:moveTo>
                <a:lnTo>
                  <a:pt x="2518224" y="6080670"/>
                </a:lnTo>
                <a:lnTo>
                  <a:pt x="2589525" y="6080670"/>
                </a:lnTo>
                <a:lnTo>
                  <a:pt x="2589525" y="6009369"/>
                </a:lnTo>
                <a:close/>
                <a:moveTo>
                  <a:pt x="2375622" y="6009369"/>
                </a:moveTo>
                <a:lnTo>
                  <a:pt x="2375622" y="6080670"/>
                </a:lnTo>
                <a:lnTo>
                  <a:pt x="2446923" y="6080670"/>
                </a:lnTo>
                <a:lnTo>
                  <a:pt x="2446923" y="6009369"/>
                </a:lnTo>
                <a:close/>
                <a:moveTo>
                  <a:pt x="2232949" y="6009369"/>
                </a:moveTo>
                <a:lnTo>
                  <a:pt x="2232949" y="6080670"/>
                </a:lnTo>
                <a:lnTo>
                  <a:pt x="2304250" y="6080670"/>
                </a:lnTo>
                <a:lnTo>
                  <a:pt x="2304250" y="6009369"/>
                </a:lnTo>
                <a:close/>
                <a:moveTo>
                  <a:pt x="2090348" y="6009369"/>
                </a:moveTo>
                <a:lnTo>
                  <a:pt x="2090348" y="6080670"/>
                </a:lnTo>
                <a:lnTo>
                  <a:pt x="2161649" y="6080670"/>
                </a:lnTo>
                <a:lnTo>
                  <a:pt x="2161649" y="6009369"/>
                </a:lnTo>
                <a:close/>
                <a:moveTo>
                  <a:pt x="1947675" y="6009369"/>
                </a:moveTo>
                <a:lnTo>
                  <a:pt x="1947675" y="6080670"/>
                </a:lnTo>
                <a:lnTo>
                  <a:pt x="2018976" y="6080670"/>
                </a:lnTo>
                <a:lnTo>
                  <a:pt x="2018976" y="6009369"/>
                </a:lnTo>
                <a:close/>
                <a:moveTo>
                  <a:pt x="1805074" y="6009369"/>
                </a:moveTo>
                <a:lnTo>
                  <a:pt x="1805074" y="6080670"/>
                </a:lnTo>
                <a:lnTo>
                  <a:pt x="1876375" y="6080670"/>
                </a:lnTo>
                <a:lnTo>
                  <a:pt x="1876375" y="6009369"/>
                </a:lnTo>
                <a:close/>
                <a:moveTo>
                  <a:pt x="1662401" y="6009369"/>
                </a:moveTo>
                <a:lnTo>
                  <a:pt x="1662401" y="6080670"/>
                </a:lnTo>
                <a:lnTo>
                  <a:pt x="1733702" y="6080670"/>
                </a:lnTo>
                <a:lnTo>
                  <a:pt x="1733702" y="6009369"/>
                </a:lnTo>
                <a:close/>
                <a:moveTo>
                  <a:pt x="1519800" y="6009369"/>
                </a:moveTo>
                <a:lnTo>
                  <a:pt x="1519800" y="6080670"/>
                </a:lnTo>
                <a:lnTo>
                  <a:pt x="1591101" y="6080670"/>
                </a:lnTo>
                <a:lnTo>
                  <a:pt x="1591101" y="6009369"/>
                </a:lnTo>
                <a:close/>
                <a:moveTo>
                  <a:pt x="1377127" y="6009369"/>
                </a:moveTo>
                <a:lnTo>
                  <a:pt x="1377127" y="6080670"/>
                </a:lnTo>
                <a:lnTo>
                  <a:pt x="1448428" y="6080670"/>
                </a:lnTo>
                <a:lnTo>
                  <a:pt x="1448428" y="6009369"/>
                </a:lnTo>
                <a:close/>
                <a:moveTo>
                  <a:pt x="1234455" y="6009369"/>
                </a:moveTo>
                <a:lnTo>
                  <a:pt x="1234455" y="6080670"/>
                </a:lnTo>
                <a:lnTo>
                  <a:pt x="1305756" y="6080670"/>
                </a:lnTo>
                <a:lnTo>
                  <a:pt x="1305756" y="6009369"/>
                </a:lnTo>
                <a:close/>
                <a:moveTo>
                  <a:pt x="1091853" y="6009369"/>
                </a:moveTo>
                <a:lnTo>
                  <a:pt x="1091853" y="6080670"/>
                </a:lnTo>
                <a:lnTo>
                  <a:pt x="1163154" y="6080670"/>
                </a:lnTo>
                <a:lnTo>
                  <a:pt x="1163154" y="6009369"/>
                </a:lnTo>
                <a:close/>
                <a:moveTo>
                  <a:pt x="949180" y="6009369"/>
                </a:moveTo>
                <a:lnTo>
                  <a:pt x="949180" y="6080670"/>
                </a:lnTo>
                <a:lnTo>
                  <a:pt x="1020481" y="6080670"/>
                </a:lnTo>
                <a:lnTo>
                  <a:pt x="1020481" y="6009369"/>
                </a:lnTo>
                <a:close/>
                <a:moveTo>
                  <a:pt x="6807516" y="0"/>
                </a:moveTo>
                <a:lnTo>
                  <a:pt x="6809163" y="6826901"/>
                </a:lnTo>
                <a:lnTo>
                  <a:pt x="0" y="6826901"/>
                </a:lnTo>
                <a:lnTo>
                  <a:pt x="378632" y="6447189"/>
                </a:lnTo>
                <a:lnTo>
                  <a:pt x="378632" y="6514582"/>
                </a:lnTo>
                <a:lnTo>
                  <a:pt x="449934" y="6514582"/>
                </a:lnTo>
                <a:lnTo>
                  <a:pt x="449934" y="6443281"/>
                </a:lnTo>
                <a:lnTo>
                  <a:pt x="382530" y="6443281"/>
                </a:lnTo>
                <a:lnTo>
                  <a:pt x="521234" y="6304180"/>
                </a:lnTo>
                <a:lnTo>
                  <a:pt x="521234" y="6365944"/>
                </a:lnTo>
                <a:lnTo>
                  <a:pt x="592536" y="6365944"/>
                </a:lnTo>
                <a:lnTo>
                  <a:pt x="592536" y="6294643"/>
                </a:lnTo>
                <a:lnTo>
                  <a:pt x="530745" y="6294643"/>
                </a:lnTo>
                <a:lnTo>
                  <a:pt x="663906" y="6161102"/>
                </a:lnTo>
                <a:lnTo>
                  <a:pt x="663906" y="6223342"/>
                </a:lnTo>
                <a:lnTo>
                  <a:pt x="735207" y="6223342"/>
                </a:lnTo>
                <a:lnTo>
                  <a:pt x="735207" y="6152041"/>
                </a:lnTo>
                <a:lnTo>
                  <a:pt x="672942" y="6152041"/>
                </a:lnTo>
                <a:lnTo>
                  <a:pt x="806579" y="6018022"/>
                </a:lnTo>
                <a:lnTo>
                  <a:pt x="806579" y="6080670"/>
                </a:lnTo>
                <a:lnTo>
                  <a:pt x="877880" y="6080670"/>
                </a:lnTo>
                <a:lnTo>
                  <a:pt x="877880" y="6009369"/>
                </a:lnTo>
                <a:lnTo>
                  <a:pt x="815208" y="6009369"/>
                </a:lnTo>
                <a:close/>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nchor="ctr">
            <a:noAutofit/>
          </a:bodyPr>
          <a:lstStyle>
            <a:lvl1pPr marL="0" indent="0" algn="r">
              <a:buNone/>
              <a:defRPr/>
            </a:lvl1pPr>
          </a:lstStyle>
          <a:p>
            <a:r>
              <a:rPr lang="nl-NL" sz="1800" i="1">
                <a:solidFill>
                  <a:srgbClr val="000000"/>
                </a:solidFill>
                <a:effectLst/>
                <a:latin typeface="Arial" panose="020B0604020202020204" pitchFamily="34" charset="0"/>
                <a:ea typeface="Calibri" panose="020F0502020204030204" pitchFamily="34" charset="0"/>
              </a:rPr>
              <a:t>Klik op deze vorm en kies een afbeelding uit de Templafy bibliotheek</a:t>
            </a:r>
            <a:endParaRPr lang="en-US"/>
          </a:p>
        </p:txBody>
      </p:sp>
      <p:sp>
        <p:nvSpPr>
          <p:cNvPr id="80" name="Text Placeholder 2059">
            <a:extLst>
              <a:ext uri="{FF2B5EF4-FFF2-40B4-BE49-F238E27FC236}">
                <a16:creationId xmlns:a16="http://schemas.microsoft.com/office/drawing/2014/main" id="{09052932-03B9-4400-AE30-DE65E4F075D0}"/>
              </a:ext>
            </a:extLst>
          </p:cNvPr>
          <p:cNvSpPr>
            <a:spLocks noGrp="1"/>
          </p:cNvSpPr>
          <p:nvPr userDrawn="1">
            <p:ph type="body" sz="quarter" idx="15" hasCustomPrompt="1"/>
          </p:nvPr>
        </p:nvSpPr>
        <p:spPr>
          <a:xfrm>
            <a:off x="10318971" y="6026149"/>
            <a:ext cx="1566642" cy="617539"/>
          </a:xfrm>
          <a:blipFill dpi="0" rotWithShape="1">
            <a:blip r:embed="rId2">
              <a:extLst>
                <a:ext uri="{28A0092B-C50C-407E-A947-70E740481C1C}">
                  <a14:useLocalDpi xmlns:a14="http://schemas.microsoft.com/office/drawing/2010/main" val="0"/>
                </a:ext>
              </a:extLst>
            </a:blip>
            <a:srcRect/>
            <a:stretch>
              <a:fillRect/>
            </a:stretch>
          </a:blipFill>
        </p:spPr>
        <p:txBody>
          <a:bodyPr/>
          <a:lstStyle>
            <a:lvl1pPr marL="0" indent="0">
              <a:buNone/>
              <a:defRPr/>
            </a:lvl1pPr>
          </a:lstStyle>
          <a:p>
            <a:pPr lvl="0"/>
            <a:r>
              <a:rPr lang="en-US"/>
              <a:t> </a:t>
            </a:r>
          </a:p>
        </p:txBody>
      </p:sp>
      <p:sp>
        <p:nvSpPr>
          <p:cNvPr id="84" name="Titel 1">
            <a:extLst>
              <a:ext uri="{FF2B5EF4-FFF2-40B4-BE49-F238E27FC236}">
                <a16:creationId xmlns:a16="http://schemas.microsoft.com/office/drawing/2014/main" id="{47AE4C24-5AF6-4E4A-9315-DADF6661528D}"/>
              </a:ext>
            </a:extLst>
          </p:cNvPr>
          <p:cNvSpPr>
            <a:spLocks noGrp="1"/>
          </p:cNvSpPr>
          <p:nvPr>
            <p:ph type="ctrTitle" hasCustomPrompt="1"/>
          </p:nvPr>
        </p:nvSpPr>
        <p:spPr>
          <a:xfrm>
            <a:off x="631825" y="1776548"/>
            <a:ext cx="7411909" cy="894117"/>
          </a:xfrm>
        </p:spPr>
        <p:txBody>
          <a:bodyPr anchor="t">
            <a:noAutofit/>
          </a:bodyPr>
          <a:lstStyle>
            <a:lvl1pPr algn="l">
              <a:defRPr sz="6000">
                <a:solidFill>
                  <a:schemeClr val="accent1"/>
                </a:solidFill>
              </a:defRPr>
            </a:lvl1pPr>
          </a:lstStyle>
          <a:p>
            <a:r>
              <a:rPr lang="nl-NL"/>
              <a:t>Voeg titel toe</a:t>
            </a:r>
          </a:p>
        </p:txBody>
      </p:sp>
      <p:sp>
        <p:nvSpPr>
          <p:cNvPr id="86" name="Freeform: Shape 85">
            <a:extLst>
              <a:ext uri="{FF2B5EF4-FFF2-40B4-BE49-F238E27FC236}">
                <a16:creationId xmlns:a16="http://schemas.microsoft.com/office/drawing/2014/main" id="{D3477D4A-1B0D-4855-AED5-020E217FE9FF}"/>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87" name="Freeform: Shape 86">
            <a:extLst>
              <a:ext uri="{FF2B5EF4-FFF2-40B4-BE49-F238E27FC236}">
                <a16:creationId xmlns:a16="http://schemas.microsoft.com/office/drawing/2014/main" id="{5BD62A7A-5FD3-4FEB-9530-EE0F5C360BF2}"/>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88" name="Freeform: Shape 87">
            <a:extLst>
              <a:ext uri="{FF2B5EF4-FFF2-40B4-BE49-F238E27FC236}">
                <a16:creationId xmlns:a16="http://schemas.microsoft.com/office/drawing/2014/main" id="{BF4E971B-879B-492E-8AAF-364F70D9EBD3}"/>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89" name="Freeform: Shape 88">
            <a:extLst>
              <a:ext uri="{FF2B5EF4-FFF2-40B4-BE49-F238E27FC236}">
                <a16:creationId xmlns:a16="http://schemas.microsoft.com/office/drawing/2014/main" id="{0CA55659-6962-4045-9083-644EB9C284B3}"/>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0" name="Freeform: Shape 89">
            <a:extLst>
              <a:ext uri="{FF2B5EF4-FFF2-40B4-BE49-F238E27FC236}">
                <a16:creationId xmlns:a16="http://schemas.microsoft.com/office/drawing/2014/main" id="{EA8B184D-B4CC-4BCE-92F0-0D4497CF0DAC}"/>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1" name="Freeform: Shape 90">
            <a:extLst>
              <a:ext uri="{FF2B5EF4-FFF2-40B4-BE49-F238E27FC236}">
                <a16:creationId xmlns:a16="http://schemas.microsoft.com/office/drawing/2014/main" id="{BA4EDA8B-7AE3-4FA2-9C3A-AECE66D040AE}"/>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2" name="Freeform: Shape 91">
            <a:extLst>
              <a:ext uri="{FF2B5EF4-FFF2-40B4-BE49-F238E27FC236}">
                <a16:creationId xmlns:a16="http://schemas.microsoft.com/office/drawing/2014/main" id="{CDBAE73D-B3FA-4C9F-93B2-EDE39CFAD2E1}"/>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3" name="Freeform: Shape 92">
            <a:extLst>
              <a:ext uri="{FF2B5EF4-FFF2-40B4-BE49-F238E27FC236}">
                <a16:creationId xmlns:a16="http://schemas.microsoft.com/office/drawing/2014/main" id="{93776FFC-3176-4623-8D60-367E08FCE2B7}"/>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4" name="Freeform: Shape 93">
            <a:extLst>
              <a:ext uri="{FF2B5EF4-FFF2-40B4-BE49-F238E27FC236}">
                <a16:creationId xmlns:a16="http://schemas.microsoft.com/office/drawing/2014/main" id="{40993F3E-2EF6-47BC-AA1A-D377BD805AE2}"/>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5" name="Freeform: Shape 94">
            <a:extLst>
              <a:ext uri="{FF2B5EF4-FFF2-40B4-BE49-F238E27FC236}">
                <a16:creationId xmlns:a16="http://schemas.microsoft.com/office/drawing/2014/main" id="{5403741D-A913-4F97-85DE-B43A88A382C9}"/>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grpSp>
        <p:nvGrpSpPr>
          <p:cNvPr id="649" name="Group 648">
            <a:extLst>
              <a:ext uri="{FF2B5EF4-FFF2-40B4-BE49-F238E27FC236}">
                <a16:creationId xmlns:a16="http://schemas.microsoft.com/office/drawing/2014/main" id="{952A5519-D437-4A8B-A663-A8A33FA7FC5C}"/>
              </a:ext>
            </a:extLst>
          </p:cNvPr>
          <p:cNvGrpSpPr/>
          <p:nvPr userDrawn="1"/>
        </p:nvGrpSpPr>
        <p:grpSpPr>
          <a:xfrm>
            <a:off x="57964" y="6040468"/>
            <a:ext cx="10054060" cy="505212"/>
            <a:chOff x="57964" y="6040468"/>
            <a:chExt cx="10054060" cy="505212"/>
          </a:xfrm>
          <a:solidFill>
            <a:schemeClr val="bg1"/>
          </a:solidFill>
        </p:grpSpPr>
        <p:sp>
          <p:nvSpPr>
            <p:cNvPr id="650" name="Freeform: Shape 649">
              <a:extLst>
                <a:ext uri="{FF2B5EF4-FFF2-40B4-BE49-F238E27FC236}">
                  <a16:creationId xmlns:a16="http://schemas.microsoft.com/office/drawing/2014/main" id="{4A7579D9-3E86-43B0-9A0A-ED11D977BEDA}"/>
                </a:ext>
              </a:extLst>
            </p:cNvPr>
            <p:cNvSpPr/>
            <p:nvPr/>
          </p:nvSpPr>
          <p:spPr>
            <a:xfrm>
              <a:off x="918490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1" name="Freeform: Shape 650">
              <a:extLst>
                <a:ext uri="{FF2B5EF4-FFF2-40B4-BE49-F238E27FC236}">
                  <a16:creationId xmlns:a16="http://schemas.microsoft.com/office/drawing/2014/main" id="{84CA168E-8F9F-4A32-BA8F-DADFEA16E4B7}"/>
                </a:ext>
              </a:extLst>
            </p:cNvPr>
            <p:cNvSpPr/>
            <p:nvPr/>
          </p:nvSpPr>
          <p:spPr>
            <a:xfrm>
              <a:off x="918490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2" name="Freeform: Shape 651">
              <a:extLst>
                <a:ext uri="{FF2B5EF4-FFF2-40B4-BE49-F238E27FC236}">
                  <a16:creationId xmlns:a16="http://schemas.microsoft.com/office/drawing/2014/main" id="{AD730FAD-CDC3-49E6-BA15-7B907AAD4D23}"/>
                </a:ext>
              </a:extLst>
            </p:cNvPr>
            <p:cNvSpPr/>
            <p:nvPr/>
          </p:nvSpPr>
          <p:spPr>
            <a:xfrm>
              <a:off x="918490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3" name="Freeform: Shape 652">
              <a:extLst>
                <a:ext uri="{FF2B5EF4-FFF2-40B4-BE49-F238E27FC236}">
                  <a16:creationId xmlns:a16="http://schemas.microsoft.com/office/drawing/2014/main" id="{CD62EDF1-3DF8-440D-B5ED-45AAAFF5671D}"/>
                </a:ext>
              </a:extLst>
            </p:cNvPr>
            <p:cNvSpPr/>
            <p:nvPr/>
          </p:nvSpPr>
          <p:spPr>
            <a:xfrm>
              <a:off x="932750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4" name="Freeform: Shape 653">
              <a:extLst>
                <a:ext uri="{FF2B5EF4-FFF2-40B4-BE49-F238E27FC236}">
                  <a16:creationId xmlns:a16="http://schemas.microsoft.com/office/drawing/2014/main" id="{887E48FE-D4AD-4ECB-B036-AA78FEDC71DE}"/>
                </a:ext>
              </a:extLst>
            </p:cNvPr>
            <p:cNvSpPr/>
            <p:nvPr/>
          </p:nvSpPr>
          <p:spPr>
            <a:xfrm>
              <a:off x="932750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5" name="Freeform: Shape 654">
              <a:extLst>
                <a:ext uri="{FF2B5EF4-FFF2-40B4-BE49-F238E27FC236}">
                  <a16:creationId xmlns:a16="http://schemas.microsoft.com/office/drawing/2014/main" id="{DD0AB86F-549C-4197-814B-C0BEE456379B}"/>
                </a:ext>
              </a:extLst>
            </p:cNvPr>
            <p:cNvSpPr/>
            <p:nvPr/>
          </p:nvSpPr>
          <p:spPr>
            <a:xfrm>
              <a:off x="932750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6" name="Freeform: Shape 655">
              <a:extLst>
                <a:ext uri="{FF2B5EF4-FFF2-40B4-BE49-F238E27FC236}">
                  <a16:creationId xmlns:a16="http://schemas.microsoft.com/office/drawing/2014/main" id="{B3A9E766-475E-45D7-81CA-DE49036C11D8}"/>
                </a:ext>
              </a:extLst>
            </p:cNvPr>
            <p:cNvSpPr/>
            <p:nvPr/>
          </p:nvSpPr>
          <p:spPr>
            <a:xfrm>
              <a:off x="9470176"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57" name="Freeform: Shape 656">
              <a:extLst>
                <a:ext uri="{FF2B5EF4-FFF2-40B4-BE49-F238E27FC236}">
                  <a16:creationId xmlns:a16="http://schemas.microsoft.com/office/drawing/2014/main" id="{ED0D4E3C-55B4-4BED-91C4-F6EA2137F3DD}"/>
                </a:ext>
              </a:extLst>
            </p:cNvPr>
            <p:cNvSpPr/>
            <p:nvPr/>
          </p:nvSpPr>
          <p:spPr>
            <a:xfrm>
              <a:off x="9470176"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58" name="Freeform: Shape 657">
              <a:extLst>
                <a:ext uri="{FF2B5EF4-FFF2-40B4-BE49-F238E27FC236}">
                  <a16:creationId xmlns:a16="http://schemas.microsoft.com/office/drawing/2014/main" id="{360C6004-1BF8-41EB-8CAF-F15FB0802B3E}"/>
                </a:ext>
              </a:extLst>
            </p:cNvPr>
            <p:cNvSpPr/>
            <p:nvPr/>
          </p:nvSpPr>
          <p:spPr>
            <a:xfrm>
              <a:off x="9470176"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59" name="Freeform: Shape 658">
              <a:extLst>
                <a:ext uri="{FF2B5EF4-FFF2-40B4-BE49-F238E27FC236}">
                  <a16:creationId xmlns:a16="http://schemas.microsoft.com/office/drawing/2014/main" id="{3A66472D-1D37-4FFB-8731-BB2F9C61273E}"/>
                </a:ext>
              </a:extLst>
            </p:cNvPr>
            <p:cNvSpPr/>
            <p:nvPr/>
          </p:nvSpPr>
          <p:spPr>
            <a:xfrm>
              <a:off x="961277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0" name="Freeform: Shape 659">
              <a:extLst>
                <a:ext uri="{FF2B5EF4-FFF2-40B4-BE49-F238E27FC236}">
                  <a16:creationId xmlns:a16="http://schemas.microsoft.com/office/drawing/2014/main" id="{F7448FFD-193B-428F-A58A-20C90547954B}"/>
                </a:ext>
              </a:extLst>
            </p:cNvPr>
            <p:cNvSpPr/>
            <p:nvPr/>
          </p:nvSpPr>
          <p:spPr>
            <a:xfrm>
              <a:off x="961277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1" name="Freeform: Shape 660">
              <a:extLst>
                <a:ext uri="{FF2B5EF4-FFF2-40B4-BE49-F238E27FC236}">
                  <a16:creationId xmlns:a16="http://schemas.microsoft.com/office/drawing/2014/main" id="{81D0E35F-8D82-4808-A418-B0819A834ADF}"/>
                </a:ext>
              </a:extLst>
            </p:cNvPr>
            <p:cNvSpPr/>
            <p:nvPr/>
          </p:nvSpPr>
          <p:spPr>
            <a:xfrm>
              <a:off x="961277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2" name="Freeform: Shape 661">
              <a:extLst>
                <a:ext uri="{FF2B5EF4-FFF2-40B4-BE49-F238E27FC236}">
                  <a16:creationId xmlns:a16="http://schemas.microsoft.com/office/drawing/2014/main" id="{635A3189-5725-4751-9F9A-10150E752D75}"/>
                </a:ext>
              </a:extLst>
            </p:cNvPr>
            <p:cNvSpPr/>
            <p:nvPr/>
          </p:nvSpPr>
          <p:spPr>
            <a:xfrm>
              <a:off x="97554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3" name="Freeform: Shape 662">
              <a:extLst>
                <a:ext uri="{FF2B5EF4-FFF2-40B4-BE49-F238E27FC236}">
                  <a16:creationId xmlns:a16="http://schemas.microsoft.com/office/drawing/2014/main" id="{3673D3F1-1669-495D-9EA0-BF2AFFF76D98}"/>
                </a:ext>
              </a:extLst>
            </p:cNvPr>
            <p:cNvSpPr/>
            <p:nvPr/>
          </p:nvSpPr>
          <p:spPr>
            <a:xfrm>
              <a:off x="97554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4" name="Freeform: Shape 663">
              <a:extLst>
                <a:ext uri="{FF2B5EF4-FFF2-40B4-BE49-F238E27FC236}">
                  <a16:creationId xmlns:a16="http://schemas.microsoft.com/office/drawing/2014/main" id="{66830FA0-3E46-4524-BBC1-225DED9B19C0}"/>
                </a:ext>
              </a:extLst>
            </p:cNvPr>
            <p:cNvSpPr/>
            <p:nvPr/>
          </p:nvSpPr>
          <p:spPr>
            <a:xfrm>
              <a:off x="97554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5" name="Freeform: Shape 664">
              <a:extLst>
                <a:ext uri="{FF2B5EF4-FFF2-40B4-BE49-F238E27FC236}">
                  <a16:creationId xmlns:a16="http://schemas.microsoft.com/office/drawing/2014/main" id="{88CEE22A-D448-437C-A76A-6E57C851BFFB}"/>
                </a:ext>
              </a:extLst>
            </p:cNvPr>
            <p:cNvSpPr/>
            <p:nvPr/>
          </p:nvSpPr>
          <p:spPr>
            <a:xfrm>
              <a:off x="9898122"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66" name="Freeform: Shape 665">
              <a:extLst>
                <a:ext uri="{FF2B5EF4-FFF2-40B4-BE49-F238E27FC236}">
                  <a16:creationId xmlns:a16="http://schemas.microsoft.com/office/drawing/2014/main" id="{996CBA5F-6BAE-451A-B3E7-2F02EBAD4DA9}"/>
                </a:ext>
              </a:extLst>
            </p:cNvPr>
            <p:cNvSpPr/>
            <p:nvPr/>
          </p:nvSpPr>
          <p:spPr>
            <a:xfrm>
              <a:off x="9898122"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67" name="Freeform: Shape 666">
              <a:extLst>
                <a:ext uri="{FF2B5EF4-FFF2-40B4-BE49-F238E27FC236}">
                  <a16:creationId xmlns:a16="http://schemas.microsoft.com/office/drawing/2014/main" id="{3E0F6371-CAC6-451D-850D-45E04BAE8764}"/>
                </a:ext>
              </a:extLst>
            </p:cNvPr>
            <p:cNvSpPr/>
            <p:nvPr/>
          </p:nvSpPr>
          <p:spPr>
            <a:xfrm>
              <a:off x="100407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8" name="Freeform: Shape 667">
              <a:extLst>
                <a:ext uri="{FF2B5EF4-FFF2-40B4-BE49-F238E27FC236}">
                  <a16:creationId xmlns:a16="http://schemas.microsoft.com/office/drawing/2014/main" id="{03B625C9-3894-4CBE-BE41-A31D5C0B957C}"/>
                </a:ext>
              </a:extLst>
            </p:cNvPr>
            <p:cNvSpPr/>
            <p:nvPr/>
          </p:nvSpPr>
          <p:spPr>
            <a:xfrm>
              <a:off x="100407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9" name="Freeform: Shape 668">
              <a:extLst>
                <a:ext uri="{FF2B5EF4-FFF2-40B4-BE49-F238E27FC236}">
                  <a16:creationId xmlns:a16="http://schemas.microsoft.com/office/drawing/2014/main" id="{542C7D84-BEF8-40ED-873A-732694A81B71}"/>
                </a:ext>
              </a:extLst>
            </p:cNvPr>
            <p:cNvSpPr/>
            <p:nvPr/>
          </p:nvSpPr>
          <p:spPr>
            <a:xfrm>
              <a:off x="50482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0" name="Freeform: Shape 669">
              <a:extLst>
                <a:ext uri="{FF2B5EF4-FFF2-40B4-BE49-F238E27FC236}">
                  <a16:creationId xmlns:a16="http://schemas.microsoft.com/office/drawing/2014/main" id="{6587352D-FBF4-47B6-B5C3-541A3F884123}"/>
                </a:ext>
              </a:extLst>
            </p:cNvPr>
            <p:cNvSpPr/>
            <p:nvPr/>
          </p:nvSpPr>
          <p:spPr>
            <a:xfrm>
              <a:off x="761578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1" name="Freeform: Shape 670">
              <a:extLst>
                <a:ext uri="{FF2B5EF4-FFF2-40B4-BE49-F238E27FC236}">
                  <a16:creationId xmlns:a16="http://schemas.microsoft.com/office/drawing/2014/main" id="{46BB5D62-C8A5-4D69-8BAE-AF8BD25FAE0A}"/>
                </a:ext>
              </a:extLst>
            </p:cNvPr>
            <p:cNvSpPr/>
            <p:nvPr/>
          </p:nvSpPr>
          <p:spPr>
            <a:xfrm>
              <a:off x="50482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2" name="Freeform: Shape 671">
              <a:extLst>
                <a:ext uri="{FF2B5EF4-FFF2-40B4-BE49-F238E27FC236}">
                  <a16:creationId xmlns:a16="http://schemas.microsoft.com/office/drawing/2014/main" id="{FC9749F5-738D-46E6-83F2-2931A503E6DE}"/>
                </a:ext>
              </a:extLst>
            </p:cNvPr>
            <p:cNvSpPr/>
            <p:nvPr/>
          </p:nvSpPr>
          <p:spPr>
            <a:xfrm>
              <a:off x="50482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3" name="Freeform: Shape 672">
              <a:extLst>
                <a:ext uri="{FF2B5EF4-FFF2-40B4-BE49-F238E27FC236}">
                  <a16:creationId xmlns:a16="http://schemas.microsoft.com/office/drawing/2014/main" id="{74CBB2AF-84B3-4003-A722-567D361D1E3D}"/>
                </a:ext>
              </a:extLst>
            </p:cNvPr>
            <p:cNvSpPr/>
            <p:nvPr/>
          </p:nvSpPr>
          <p:spPr>
            <a:xfrm>
              <a:off x="504825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4" name="Freeform: Shape 673">
              <a:extLst>
                <a:ext uri="{FF2B5EF4-FFF2-40B4-BE49-F238E27FC236}">
                  <a16:creationId xmlns:a16="http://schemas.microsoft.com/office/drawing/2014/main" id="{51E65849-3AEC-402F-AE7E-177B6B34325A}"/>
                </a:ext>
              </a:extLst>
            </p:cNvPr>
            <p:cNvSpPr/>
            <p:nvPr/>
          </p:nvSpPr>
          <p:spPr>
            <a:xfrm>
              <a:off x="761578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5" name="Freeform: Shape 674">
              <a:extLst>
                <a:ext uri="{FF2B5EF4-FFF2-40B4-BE49-F238E27FC236}">
                  <a16:creationId xmlns:a16="http://schemas.microsoft.com/office/drawing/2014/main" id="{C75632EE-14C7-4C1A-8632-96090159F28C}"/>
                </a:ext>
              </a:extLst>
            </p:cNvPr>
            <p:cNvSpPr/>
            <p:nvPr/>
          </p:nvSpPr>
          <p:spPr>
            <a:xfrm>
              <a:off x="761578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6" name="Freeform: Shape 675">
              <a:extLst>
                <a:ext uri="{FF2B5EF4-FFF2-40B4-BE49-F238E27FC236}">
                  <a16:creationId xmlns:a16="http://schemas.microsoft.com/office/drawing/2014/main" id="{F4A90CF0-66B4-43AB-AC71-AA0D566E8918}"/>
                </a:ext>
              </a:extLst>
            </p:cNvPr>
            <p:cNvSpPr/>
            <p:nvPr/>
          </p:nvSpPr>
          <p:spPr>
            <a:xfrm>
              <a:off x="761578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7" name="Freeform: Shape 676">
              <a:extLst>
                <a:ext uri="{FF2B5EF4-FFF2-40B4-BE49-F238E27FC236}">
                  <a16:creationId xmlns:a16="http://schemas.microsoft.com/office/drawing/2014/main" id="{C1E7A849-D9BA-4A74-A5C2-9F07A17D68A9}"/>
                </a:ext>
              </a:extLst>
            </p:cNvPr>
            <p:cNvSpPr/>
            <p:nvPr/>
          </p:nvSpPr>
          <p:spPr>
            <a:xfrm>
              <a:off x="53335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8" name="Freeform: Shape 677">
              <a:extLst>
                <a:ext uri="{FF2B5EF4-FFF2-40B4-BE49-F238E27FC236}">
                  <a16:creationId xmlns:a16="http://schemas.microsoft.com/office/drawing/2014/main" id="{CADD2EA7-F904-4F09-8F28-48DE098F3129}"/>
                </a:ext>
              </a:extLst>
            </p:cNvPr>
            <p:cNvSpPr/>
            <p:nvPr/>
          </p:nvSpPr>
          <p:spPr>
            <a:xfrm>
              <a:off x="790106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9" name="Freeform: Shape 678">
              <a:extLst>
                <a:ext uri="{FF2B5EF4-FFF2-40B4-BE49-F238E27FC236}">
                  <a16:creationId xmlns:a16="http://schemas.microsoft.com/office/drawing/2014/main" id="{2A533467-DE69-4C76-A1BC-E3635299B712}"/>
                </a:ext>
              </a:extLst>
            </p:cNvPr>
            <p:cNvSpPr/>
            <p:nvPr/>
          </p:nvSpPr>
          <p:spPr>
            <a:xfrm>
              <a:off x="533352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0" name="Freeform: Shape 679">
              <a:extLst>
                <a:ext uri="{FF2B5EF4-FFF2-40B4-BE49-F238E27FC236}">
                  <a16:creationId xmlns:a16="http://schemas.microsoft.com/office/drawing/2014/main" id="{A580345E-E074-4EB4-9D11-926117D83506}"/>
                </a:ext>
              </a:extLst>
            </p:cNvPr>
            <p:cNvSpPr/>
            <p:nvPr/>
          </p:nvSpPr>
          <p:spPr>
            <a:xfrm>
              <a:off x="53335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1" name="Freeform: Shape 680">
              <a:extLst>
                <a:ext uri="{FF2B5EF4-FFF2-40B4-BE49-F238E27FC236}">
                  <a16:creationId xmlns:a16="http://schemas.microsoft.com/office/drawing/2014/main" id="{C53BCC5A-B21A-4E36-A7DC-C1C5B9F15026}"/>
                </a:ext>
              </a:extLst>
            </p:cNvPr>
            <p:cNvSpPr/>
            <p:nvPr/>
          </p:nvSpPr>
          <p:spPr>
            <a:xfrm>
              <a:off x="533352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2" name="Freeform: Shape 681">
              <a:extLst>
                <a:ext uri="{FF2B5EF4-FFF2-40B4-BE49-F238E27FC236}">
                  <a16:creationId xmlns:a16="http://schemas.microsoft.com/office/drawing/2014/main" id="{AE903234-3D0A-4DF1-BCF0-BF078E8860BF}"/>
                </a:ext>
              </a:extLst>
            </p:cNvPr>
            <p:cNvSpPr/>
            <p:nvPr/>
          </p:nvSpPr>
          <p:spPr>
            <a:xfrm>
              <a:off x="790106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3" name="Freeform: Shape 682">
              <a:extLst>
                <a:ext uri="{FF2B5EF4-FFF2-40B4-BE49-F238E27FC236}">
                  <a16:creationId xmlns:a16="http://schemas.microsoft.com/office/drawing/2014/main" id="{1DBBE67A-4AE5-4D31-9ED3-F0DFBE773BAF}"/>
                </a:ext>
              </a:extLst>
            </p:cNvPr>
            <p:cNvSpPr/>
            <p:nvPr/>
          </p:nvSpPr>
          <p:spPr>
            <a:xfrm>
              <a:off x="790106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4" name="Freeform: Shape 683">
              <a:extLst>
                <a:ext uri="{FF2B5EF4-FFF2-40B4-BE49-F238E27FC236}">
                  <a16:creationId xmlns:a16="http://schemas.microsoft.com/office/drawing/2014/main" id="{B2AD4B2B-0DEF-4E8E-9D03-6980E67D9013}"/>
                </a:ext>
              </a:extLst>
            </p:cNvPr>
            <p:cNvSpPr/>
            <p:nvPr/>
          </p:nvSpPr>
          <p:spPr>
            <a:xfrm>
              <a:off x="790106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5" name="Freeform: Shape 684">
              <a:extLst>
                <a:ext uri="{FF2B5EF4-FFF2-40B4-BE49-F238E27FC236}">
                  <a16:creationId xmlns:a16="http://schemas.microsoft.com/office/drawing/2014/main" id="{FE57C8BC-2F27-4F10-99AF-8541147FB6B4}"/>
                </a:ext>
              </a:extLst>
            </p:cNvPr>
            <p:cNvSpPr/>
            <p:nvPr/>
          </p:nvSpPr>
          <p:spPr>
            <a:xfrm>
              <a:off x="54761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6" name="Freeform: Shape 685">
              <a:extLst>
                <a:ext uri="{FF2B5EF4-FFF2-40B4-BE49-F238E27FC236}">
                  <a16:creationId xmlns:a16="http://schemas.microsoft.com/office/drawing/2014/main" id="{5D43F4D9-81F3-47A8-84A1-77C7A03E6334}"/>
                </a:ext>
              </a:extLst>
            </p:cNvPr>
            <p:cNvSpPr/>
            <p:nvPr/>
          </p:nvSpPr>
          <p:spPr>
            <a:xfrm>
              <a:off x="804373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7" name="Freeform: Shape 686">
              <a:extLst>
                <a:ext uri="{FF2B5EF4-FFF2-40B4-BE49-F238E27FC236}">
                  <a16:creationId xmlns:a16="http://schemas.microsoft.com/office/drawing/2014/main" id="{A4F7B9A9-0A53-4676-AC53-E6D4067843E6}"/>
                </a:ext>
              </a:extLst>
            </p:cNvPr>
            <p:cNvSpPr/>
            <p:nvPr/>
          </p:nvSpPr>
          <p:spPr>
            <a:xfrm>
              <a:off x="54761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8" name="Freeform: Shape 687">
              <a:extLst>
                <a:ext uri="{FF2B5EF4-FFF2-40B4-BE49-F238E27FC236}">
                  <a16:creationId xmlns:a16="http://schemas.microsoft.com/office/drawing/2014/main" id="{B8B43929-4B9F-476C-BF2B-71DC2D35F47F}"/>
                </a:ext>
              </a:extLst>
            </p:cNvPr>
            <p:cNvSpPr/>
            <p:nvPr/>
          </p:nvSpPr>
          <p:spPr>
            <a:xfrm>
              <a:off x="54761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9" name="Freeform: Shape 688">
              <a:extLst>
                <a:ext uri="{FF2B5EF4-FFF2-40B4-BE49-F238E27FC236}">
                  <a16:creationId xmlns:a16="http://schemas.microsoft.com/office/drawing/2014/main" id="{6D1B900B-E747-470B-81C3-44F168D0A1EC}"/>
                </a:ext>
              </a:extLst>
            </p:cNvPr>
            <p:cNvSpPr/>
            <p:nvPr/>
          </p:nvSpPr>
          <p:spPr>
            <a:xfrm>
              <a:off x="54761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0" name="Freeform: Shape 689">
              <a:extLst>
                <a:ext uri="{FF2B5EF4-FFF2-40B4-BE49-F238E27FC236}">
                  <a16:creationId xmlns:a16="http://schemas.microsoft.com/office/drawing/2014/main" id="{DF13123C-E761-4ABE-9A5D-62DBCB36EDF8}"/>
                </a:ext>
              </a:extLst>
            </p:cNvPr>
            <p:cNvSpPr/>
            <p:nvPr/>
          </p:nvSpPr>
          <p:spPr>
            <a:xfrm>
              <a:off x="804373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1" name="Freeform: Shape 690">
              <a:extLst>
                <a:ext uri="{FF2B5EF4-FFF2-40B4-BE49-F238E27FC236}">
                  <a16:creationId xmlns:a16="http://schemas.microsoft.com/office/drawing/2014/main" id="{D421FCD1-F7FF-4AED-9617-DD8466B6E42A}"/>
                </a:ext>
              </a:extLst>
            </p:cNvPr>
            <p:cNvSpPr/>
            <p:nvPr/>
          </p:nvSpPr>
          <p:spPr>
            <a:xfrm>
              <a:off x="804373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2" name="Freeform: Shape 691">
              <a:extLst>
                <a:ext uri="{FF2B5EF4-FFF2-40B4-BE49-F238E27FC236}">
                  <a16:creationId xmlns:a16="http://schemas.microsoft.com/office/drawing/2014/main" id="{8FD0302A-AD9D-41F8-88BC-AAA97CC330AC}"/>
                </a:ext>
              </a:extLst>
            </p:cNvPr>
            <p:cNvSpPr/>
            <p:nvPr/>
          </p:nvSpPr>
          <p:spPr>
            <a:xfrm>
              <a:off x="804373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3" name="Freeform: Shape 692">
              <a:extLst>
                <a:ext uri="{FF2B5EF4-FFF2-40B4-BE49-F238E27FC236}">
                  <a16:creationId xmlns:a16="http://schemas.microsoft.com/office/drawing/2014/main" id="{A40C4C62-93B4-4137-9B1A-528E4B665470}"/>
                </a:ext>
              </a:extLst>
            </p:cNvPr>
            <p:cNvSpPr/>
            <p:nvPr/>
          </p:nvSpPr>
          <p:spPr>
            <a:xfrm>
              <a:off x="561879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4" name="Freeform: Shape 693">
              <a:extLst>
                <a:ext uri="{FF2B5EF4-FFF2-40B4-BE49-F238E27FC236}">
                  <a16:creationId xmlns:a16="http://schemas.microsoft.com/office/drawing/2014/main" id="{9C5A257E-EB2E-48DF-9893-6AC3D4CA8314}"/>
                </a:ext>
              </a:extLst>
            </p:cNvPr>
            <p:cNvSpPr/>
            <p:nvPr/>
          </p:nvSpPr>
          <p:spPr>
            <a:xfrm>
              <a:off x="818640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5" name="Freeform: Shape 694">
              <a:extLst>
                <a:ext uri="{FF2B5EF4-FFF2-40B4-BE49-F238E27FC236}">
                  <a16:creationId xmlns:a16="http://schemas.microsoft.com/office/drawing/2014/main" id="{798183EE-0DAF-4E35-AB2F-86BE53AA9CBC}"/>
                </a:ext>
              </a:extLst>
            </p:cNvPr>
            <p:cNvSpPr/>
            <p:nvPr/>
          </p:nvSpPr>
          <p:spPr>
            <a:xfrm>
              <a:off x="561879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6" name="Freeform: Shape 695">
              <a:extLst>
                <a:ext uri="{FF2B5EF4-FFF2-40B4-BE49-F238E27FC236}">
                  <a16:creationId xmlns:a16="http://schemas.microsoft.com/office/drawing/2014/main" id="{6526D83E-5332-4053-B5F1-4AA945266259}"/>
                </a:ext>
              </a:extLst>
            </p:cNvPr>
            <p:cNvSpPr/>
            <p:nvPr/>
          </p:nvSpPr>
          <p:spPr>
            <a:xfrm>
              <a:off x="561879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7" name="Freeform: Shape 696">
              <a:extLst>
                <a:ext uri="{FF2B5EF4-FFF2-40B4-BE49-F238E27FC236}">
                  <a16:creationId xmlns:a16="http://schemas.microsoft.com/office/drawing/2014/main" id="{88AE5474-765D-45F3-969E-63ECB427C43D}"/>
                </a:ext>
              </a:extLst>
            </p:cNvPr>
            <p:cNvSpPr/>
            <p:nvPr/>
          </p:nvSpPr>
          <p:spPr>
            <a:xfrm>
              <a:off x="561879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8" name="Freeform: Shape 697">
              <a:extLst>
                <a:ext uri="{FF2B5EF4-FFF2-40B4-BE49-F238E27FC236}">
                  <a16:creationId xmlns:a16="http://schemas.microsoft.com/office/drawing/2014/main" id="{699CAAD7-8A59-44AF-ADBE-9874E11B1F9D}"/>
                </a:ext>
              </a:extLst>
            </p:cNvPr>
            <p:cNvSpPr/>
            <p:nvPr/>
          </p:nvSpPr>
          <p:spPr>
            <a:xfrm>
              <a:off x="818640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9" name="Freeform: Shape 698">
              <a:extLst>
                <a:ext uri="{FF2B5EF4-FFF2-40B4-BE49-F238E27FC236}">
                  <a16:creationId xmlns:a16="http://schemas.microsoft.com/office/drawing/2014/main" id="{FAA64E09-DED1-4B89-9BB3-FA2FA820149D}"/>
                </a:ext>
              </a:extLst>
            </p:cNvPr>
            <p:cNvSpPr/>
            <p:nvPr/>
          </p:nvSpPr>
          <p:spPr>
            <a:xfrm>
              <a:off x="818640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0" name="Freeform: Shape 699">
              <a:extLst>
                <a:ext uri="{FF2B5EF4-FFF2-40B4-BE49-F238E27FC236}">
                  <a16:creationId xmlns:a16="http://schemas.microsoft.com/office/drawing/2014/main" id="{4E710145-52AB-4F21-B635-E5EBEB0DD759}"/>
                </a:ext>
              </a:extLst>
            </p:cNvPr>
            <p:cNvSpPr/>
            <p:nvPr/>
          </p:nvSpPr>
          <p:spPr>
            <a:xfrm>
              <a:off x="818640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1" name="Freeform: Shape 700">
              <a:extLst>
                <a:ext uri="{FF2B5EF4-FFF2-40B4-BE49-F238E27FC236}">
                  <a16:creationId xmlns:a16="http://schemas.microsoft.com/office/drawing/2014/main" id="{FAF2EB0D-253D-4A69-937D-E231DCD6E497}"/>
                </a:ext>
              </a:extLst>
            </p:cNvPr>
            <p:cNvSpPr/>
            <p:nvPr/>
          </p:nvSpPr>
          <p:spPr>
            <a:xfrm>
              <a:off x="576147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2" name="Freeform: Shape 701">
              <a:extLst>
                <a:ext uri="{FF2B5EF4-FFF2-40B4-BE49-F238E27FC236}">
                  <a16:creationId xmlns:a16="http://schemas.microsoft.com/office/drawing/2014/main" id="{A4DCBF22-ED0A-4253-B8AF-95B64D412A69}"/>
                </a:ext>
              </a:extLst>
            </p:cNvPr>
            <p:cNvSpPr/>
            <p:nvPr/>
          </p:nvSpPr>
          <p:spPr>
            <a:xfrm>
              <a:off x="832900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3" name="Freeform: Shape 702">
              <a:extLst>
                <a:ext uri="{FF2B5EF4-FFF2-40B4-BE49-F238E27FC236}">
                  <a16:creationId xmlns:a16="http://schemas.microsoft.com/office/drawing/2014/main" id="{760B4A82-BFCA-49FE-A3CC-882A1490178B}"/>
                </a:ext>
              </a:extLst>
            </p:cNvPr>
            <p:cNvSpPr/>
            <p:nvPr/>
          </p:nvSpPr>
          <p:spPr>
            <a:xfrm>
              <a:off x="576147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4" name="Freeform: Shape 703">
              <a:extLst>
                <a:ext uri="{FF2B5EF4-FFF2-40B4-BE49-F238E27FC236}">
                  <a16:creationId xmlns:a16="http://schemas.microsoft.com/office/drawing/2014/main" id="{5946D81F-EA5A-4457-8487-8FD25D453405}"/>
                </a:ext>
              </a:extLst>
            </p:cNvPr>
            <p:cNvSpPr/>
            <p:nvPr/>
          </p:nvSpPr>
          <p:spPr>
            <a:xfrm>
              <a:off x="576147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5" name="Freeform: Shape 704">
              <a:extLst>
                <a:ext uri="{FF2B5EF4-FFF2-40B4-BE49-F238E27FC236}">
                  <a16:creationId xmlns:a16="http://schemas.microsoft.com/office/drawing/2014/main" id="{0E0BDD3C-7B49-495B-83D2-E56C3BFB6DA5}"/>
                </a:ext>
              </a:extLst>
            </p:cNvPr>
            <p:cNvSpPr/>
            <p:nvPr/>
          </p:nvSpPr>
          <p:spPr>
            <a:xfrm>
              <a:off x="576147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6" name="Freeform: Shape 705">
              <a:extLst>
                <a:ext uri="{FF2B5EF4-FFF2-40B4-BE49-F238E27FC236}">
                  <a16:creationId xmlns:a16="http://schemas.microsoft.com/office/drawing/2014/main" id="{1608B2A7-65D0-4DC5-ADD2-2BCFD61320ED}"/>
                </a:ext>
              </a:extLst>
            </p:cNvPr>
            <p:cNvSpPr/>
            <p:nvPr/>
          </p:nvSpPr>
          <p:spPr>
            <a:xfrm>
              <a:off x="832900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7" name="Freeform: Shape 706">
              <a:extLst>
                <a:ext uri="{FF2B5EF4-FFF2-40B4-BE49-F238E27FC236}">
                  <a16:creationId xmlns:a16="http://schemas.microsoft.com/office/drawing/2014/main" id="{7E6468A5-0DFC-4ABB-B565-F051C143F979}"/>
                </a:ext>
              </a:extLst>
            </p:cNvPr>
            <p:cNvSpPr/>
            <p:nvPr/>
          </p:nvSpPr>
          <p:spPr>
            <a:xfrm>
              <a:off x="832900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8" name="Freeform: Shape 707">
              <a:extLst>
                <a:ext uri="{FF2B5EF4-FFF2-40B4-BE49-F238E27FC236}">
                  <a16:creationId xmlns:a16="http://schemas.microsoft.com/office/drawing/2014/main" id="{51D624B8-BE8F-4E7B-B00D-D94D8D606E26}"/>
                </a:ext>
              </a:extLst>
            </p:cNvPr>
            <p:cNvSpPr/>
            <p:nvPr/>
          </p:nvSpPr>
          <p:spPr>
            <a:xfrm>
              <a:off x="832900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9" name="Freeform: Shape 708">
              <a:extLst>
                <a:ext uri="{FF2B5EF4-FFF2-40B4-BE49-F238E27FC236}">
                  <a16:creationId xmlns:a16="http://schemas.microsoft.com/office/drawing/2014/main" id="{08E77EA8-FD9C-4C2E-9F18-27DA1B24E5A5}"/>
                </a:ext>
              </a:extLst>
            </p:cNvPr>
            <p:cNvSpPr/>
            <p:nvPr/>
          </p:nvSpPr>
          <p:spPr>
            <a:xfrm>
              <a:off x="5904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0" name="Freeform: Shape 709">
              <a:extLst>
                <a:ext uri="{FF2B5EF4-FFF2-40B4-BE49-F238E27FC236}">
                  <a16:creationId xmlns:a16="http://schemas.microsoft.com/office/drawing/2014/main" id="{942E3EDE-22AA-4A0C-893D-F2B9A27DC5FD}"/>
                </a:ext>
              </a:extLst>
            </p:cNvPr>
            <p:cNvSpPr/>
            <p:nvPr/>
          </p:nvSpPr>
          <p:spPr>
            <a:xfrm>
              <a:off x="847168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1" name="Freeform: Shape 710">
              <a:extLst>
                <a:ext uri="{FF2B5EF4-FFF2-40B4-BE49-F238E27FC236}">
                  <a16:creationId xmlns:a16="http://schemas.microsoft.com/office/drawing/2014/main" id="{7B285FE8-BCF8-4E46-87D8-77564B329D67}"/>
                </a:ext>
              </a:extLst>
            </p:cNvPr>
            <p:cNvSpPr/>
            <p:nvPr/>
          </p:nvSpPr>
          <p:spPr>
            <a:xfrm>
              <a:off x="5904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2" name="Freeform: Shape 711">
              <a:extLst>
                <a:ext uri="{FF2B5EF4-FFF2-40B4-BE49-F238E27FC236}">
                  <a16:creationId xmlns:a16="http://schemas.microsoft.com/office/drawing/2014/main" id="{AF04BA79-8050-4E26-8625-31B4979D77BF}"/>
                </a:ext>
              </a:extLst>
            </p:cNvPr>
            <p:cNvSpPr/>
            <p:nvPr/>
          </p:nvSpPr>
          <p:spPr>
            <a:xfrm>
              <a:off x="5904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3" name="Freeform: Shape 712">
              <a:extLst>
                <a:ext uri="{FF2B5EF4-FFF2-40B4-BE49-F238E27FC236}">
                  <a16:creationId xmlns:a16="http://schemas.microsoft.com/office/drawing/2014/main" id="{8CD4FF7D-8309-403A-983E-24BEDA62B48D}"/>
                </a:ext>
              </a:extLst>
            </p:cNvPr>
            <p:cNvSpPr/>
            <p:nvPr/>
          </p:nvSpPr>
          <p:spPr>
            <a:xfrm>
              <a:off x="5904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4" name="Freeform: Shape 713">
              <a:extLst>
                <a:ext uri="{FF2B5EF4-FFF2-40B4-BE49-F238E27FC236}">
                  <a16:creationId xmlns:a16="http://schemas.microsoft.com/office/drawing/2014/main" id="{654AA8FA-601C-4626-9CCF-A92FAD9D27F8}"/>
                </a:ext>
              </a:extLst>
            </p:cNvPr>
            <p:cNvSpPr/>
            <p:nvPr/>
          </p:nvSpPr>
          <p:spPr>
            <a:xfrm>
              <a:off x="847168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5" name="Freeform: Shape 714">
              <a:extLst>
                <a:ext uri="{FF2B5EF4-FFF2-40B4-BE49-F238E27FC236}">
                  <a16:creationId xmlns:a16="http://schemas.microsoft.com/office/drawing/2014/main" id="{5BA63ECD-F64E-4C30-922E-0B6EFAB44058}"/>
                </a:ext>
              </a:extLst>
            </p:cNvPr>
            <p:cNvSpPr/>
            <p:nvPr/>
          </p:nvSpPr>
          <p:spPr>
            <a:xfrm>
              <a:off x="847168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6" name="Freeform: Shape 715">
              <a:extLst>
                <a:ext uri="{FF2B5EF4-FFF2-40B4-BE49-F238E27FC236}">
                  <a16:creationId xmlns:a16="http://schemas.microsoft.com/office/drawing/2014/main" id="{876C2CA0-A07B-4E4A-8137-537AB38E4CC8}"/>
                </a:ext>
              </a:extLst>
            </p:cNvPr>
            <p:cNvSpPr/>
            <p:nvPr/>
          </p:nvSpPr>
          <p:spPr>
            <a:xfrm>
              <a:off x="604674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7" name="Freeform: Shape 716">
              <a:extLst>
                <a:ext uri="{FF2B5EF4-FFF2-40B4-BE49-F238E27FC236}">
                  <a16:creationId xmlns:a16="http://schemas.microsoft.com/office/drawing/2014/main" id="{582AC73C-DB3C-4292-B53D-EC215E83805F}"/>
                </a:ext>
              </a:extLst>
            </p:cNvPr>
            <p:cNvSpPr/>
            <p:nvPr/>
          </p:nvSpPr>
          <p:spPr>
            <a:xfrm>
              <a:off x="861428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8" name="Freeform: Shape 717">
              <a:extLst>
                <a:ext uri="{FF2B5EF4-FFF2-40B4-BE49-F238E27FC236}">
                  <a16:creationId xmlns:a16="http://schemas.microsoft.com/office/drawing/2014/main" id="{EAEC7E28-AF00-4FC3-AF82-3542C5FD443E}"/>
                </a:ext>
              </a:extLst>
            </p:cNvPr>
            <p:cNvSpPr/>
            <p:nvPr/>
          </p:nvSpPr>
          <p:spPr>
            <a:xfrm>
              <a:off x="604674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9" name="Freeform: Shape 718">
              <a:extLst>
                <a:ext uri="{FF2B5EF4-FFF2-40B4-BE49-F238E27FC236}">
                  <a16:creationId xmlns:a16="http://schemas.microsoft.com/office/drawing/2014/main" id="{1F8BE279-2F84-46E3-AEBF-A2AA79A500C9}"/>
                </a:ext>
              </a:extLst>
            </p:cNvPr>
            <p:cNvSpPr/>
            <p:nvPr/>
          </p:nvSpPr>
          <p:spPr>
            <a:xfrm>
              <a:off x="604674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0" name="Freeform: Shape 719">
              <a:extLst>
                <a:ext uri="{FF2B5EF4-FFF2-40B4-BE49-F238E27FC236}">
                  <a16:creationId xmlns:a16="http://schemas.microsoft.com/office/drawing/2014/main" id="{ED6E6790-13F8-4F9C-AC07-1F0A962D7229}"/>
                </a:ext>
              </a:extLst>
            </p:cNvPr>
            <p:cNvSpPr/>
            <p:nvPr/>
          </p:nvSpPr>
          <p:spPr>
            <a:xfrm>
              <a:off x="604674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1" name="Freeform: Shape 720">
              <a:extLst>
                <a:ext uri="{FF2B5EF4-FFF2-40B4-BE49-F238E27FC236}">
                  <a16:creationId xmlns:a16="http://schemas.microsoft.com/office/drawing/2014/main" id="{44DF12F7-DFBE-481A-B242-0FAD5AEBC4EC}"/>
                </a:ext>
              </a:extLst>
            </p:cNvPr>
            <p:cNvSpPr/>
            <p:nvPr/>
          </p:nvSpPr>
          <p:spPr>
            <a:xfrm>
              <a:off x="861428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2" name="Freeform: Shape 721">
              <a:extLst>
                <a:ext uri="{FF2B5EF4-FFF2-40B4-BE49-F238E27FC236}">
                  <a16:creationId xmlns:a16="http://schemas.microsoft.com/office/drawing/2014/main" id="{3F333445-0517-4A8A-8A73-CC8ED17A925F}"/>
                </a:ext>
              </a:extLst>
            </p:cNvPr>
            <p:cNvSpPr/>
            <p:nvPr/>
          </p:nvSpPr>
          <p:spPr>
            <a:xfrm>
              <a:off x="861428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3" name="Freeform: Shape 722">
              <a:extLst>
                <a:ext uri="{FF2B5EF4-FFF2-40B4-BE49-F238E27FC236}">
                  <a16:creationId xmlns:a16="http://schemas.microsoft.com/office/drawing/2014/main" id="{7BCEB8A7-A712-4C7A-B36C-FEE4175DDCE3}"/>
                </a:ext>
              </a:extLst>
            </p:cNvPr>
            <p:cNvSpPr/>
            <p:nvPr/>
          </p:nvSpPr>
          <p:spPr>
            <a:xfrm>
              <a:off x="861428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4" name="Freeform: Shape 723">
              <a:extLst>
                <a:ext uri="{FF2B5EF4-FFF2-40B4-BE49-F238E27FC236}">
                  <a16:creationId xmlns:a16="http://schemas.microsoft.com/office/drawing/2014/main" id="{F37F8A20-9B3D-41D2-BB9E-B7802CD47B74}"/>
                </a:ext>
              </a:extLst>
            </p:cNvPr>
            <p:cNvSpPr/>
            <p:nvPr/>
          </p:nvSpPr>
          <p:spPr>
            <a:xfrm>
              <a:off x="618941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5" name="Freeform: Shape 724">
              <a:extLst>
                <a:ext uri="{FF2B5EF4-FFF2-40B4-BE49-F238E27FC236}">
                  <a16:creationId xmlns:a16="http://schemas.microsoft.com/office/drawing/2014/main" id="{EB29A806-E45A-43A1-B519-186985BAC241}"/>
                </a:ext>
              </a:extLst>
            </p:cNvPr>
            <p:cNvSpPr/>
            <p:nvPr/>
          </p:nvSpPr>
          <p:spPr>
            <a:xfrm>
              <a:off x="8756955"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26" name="Freeform: Shape 725">
              <a:extLst>
                <a:ext uri="{FF2B5EF4-FFF2-40B4-BE49-F238E27FC236}">
                  <a16:creationId xmlns:a16="http://schemas.microsoft.com/office/drawing/2014/main" id="{8E6EA8D1-A87F-49B2-AB4A-3F5945D73C0E}"/>
                </a:ext>
              </a:extLst>
            </p:cNvPr>
            <p:cNvSpPr/>
            <p:nvPr/>
          </p:nvSpPr>
          <p:spPr>
            <a:xfrm>
              <a:off x="618941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7" name="Freeform: Shape 726">
              <a:extLst>
                <a:ext uri="{FF2B5EF4-FFF2-40B4-BE49-F238E27FC236}">
                  <a16:creationId xmlns:a16="http://schemas.microsoft.com/office/drawing/2014/main" id="{28EEB3FF-6435-4F25-ACCD-92F9599B3BDF}"/>
                </a:ext>
              </a:extLst>
            </p:cNvPr>
            <p:cNvSpPr/>
            <p:nvPr/>
          </p:nvSpPr>
          <p:spPr>
            <a:xfrm>
              <a:off x="618941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8" name="Freeform: Shape 727">
              <a:extLst>
                <a:ext uri="{FF2B5EF4-FFF2-40B4-BE49-F238E27FC236}">
                  <a16:creationId xmlns:a16="http://schemas.microsoft.com/office/drawing/2014/main" id="{8F32D05F-D013-4157-A461-FE8F97C82347}"/>
                </a:ext>
              </a:extLst>
            </p:cNvPr>
            <p:cNvSpPr/>
            <p:nvPr/>
          </p:nvSpPr>
          <p:spPr>
            <a:xfrm>
              <a:off x="618941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9" name="Freeform: Shape 728">
              <a:extLst>
                <a:ext uri="{FF2B5EF4-FFF2-40B4-BE49-F238E27FC236}">
                  <a16:creationId xmlns:a16="http://schemas.microsoft.com/office/drawing/2014/main" id="{28146E73-06A7-4ECA-8552-BC0614A772DB}"/>
                </a:ext>
              </a:extLst>
            </p:cNvPr>
            <p:cNvSpPr/>
            <p:nvPr/>
          </p:nvSpPr>
          <p:spPr>
            <a:xfrm>
              <a:off x="8756955"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30" name="Freeform: Shape 729">
              <a:extLst>
                <a:ext uri="{FF2B5EF4-FFF2-40B4-BE49-F238E27FC236}">
                  <a16:creationId xmlns:a16="http://schemas.microsoft.com/office/drawing/2014/main" id="{BC596489-15C7-4C8B-91BF-73690A651489}"/>
                </a:ext>
              </a:extLst>
            </p:cNvPr>
            <p:cNvSpPr/>
            <p:nvPr/>
          </p:nvSpPr>
          <p:spPr>
            <a:xfrm>
              <a:off x="8756955"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31" name="Freeform: Shape 730">
              <a:extLst>
                <a:ext uri="{FF2B5EF4-FFF2-40B4-BE49-F238E27FC236}">
                  <a16:creationId xmlns:a16="http://schemas.microsoft.com/office/drawing/2014/main" id="{15E66663-B03C-46FB-84DF-7310895151D5}"/>
                </a:ext>
              </a:extLst>
            </p:cNvPr>
            <p:cNvSpPr/>
            <p:nvPr/>
          </p:nvSpPr>
          <p:spPr>
            <a:xfrm>
              <a:off x="8756955"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32" name="Freeform: Shape 731">
              <a:extLst>
                <a:ext uri="{FF2B5EF4-FFF2-40B4-BE49-F238E27FC236}">
                  <a16:creationId xmlns:a16="http://schemas.microsoft.com/office/drawing/2014/main" id="{416E210C-C737-4CAA-9BDF-80D79EE046AD}"/>
                </a:ext>
              </a:extLst>
            </p:cNvPr>
            <p:cNvSpPr/>
            <p:nvPr/>
          </p:nvSpPr>
          <p:spPr>
            <a:xfrm>
              <a:off x="633201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3" name="Freeform: Shape 732">
              <a:extLst>
                <a:ext uri="{FF2B5EF4-FFF2-40B4-BE49-F238E27FC236}">
                  <a16:creationId xmlns:a16="http://schemas.microsoft.com/office/drawing/2014/main" id="{5A926DA7-4D6C-4ACF-BE87-253984D1EFFB}"/>
                </a:ext>
              </a:extLst>
            </p:cNvPr>
            <p:cNvSpPr/>
            <p:nvPr/>
          </p:nvSpPr>
          <p:spPr>
            <a:xfrm>
              <a:off x="88996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4" name="Freeform: Shape 733">
              <a:extLst>
                <a:ext uri="{FF2B5EF4-FFF2-40B4-BE49-F238E27FC236}">
                  <a16:creationId xmlns:a16="http://schemas.microsoft.com/office/drawing/2014/main" id="{3EBB7D74-7CEF-447B-9ECE-6F507F4F6361}"/>
                </a:ext>
              </a:extLst>
            </p:cNvPr>
            <p:cNvSpPr/>
            <p:nvPr/>
          </p:nvSpPr>
          <p:spPr>
            <a:xfrm>
              <a:off x="633201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5" name="Freeform: Shape 734">
              <a:extLst>
                <a:ext uri="{FF2B5EF4-FFF2-40B4-BE49-F238E27FC236}">
                  <a16:creationId xmlns:a16="http://schemas.microsoft.com/office/drawing/2014/main" id="{BDCC8E1F-F47C-4D18-98EF-595F3FA9E41F}"/>
                </a:ext>
              </a:extLst>
            </p:cNvPr>
            <p:cNvSpPr/>
            <p:nvPr/>
          </p:nvSpPr>
          <p:spPr>
            <a:xfrm>
              <a:off x="633201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6" name="Freeform: Shape 735">
              <a:extLst>
                <a:ext uri="{FF2B5EF4-FFF2-40B4-BE49-F238E27FC236}">
                  <a16:creationId xmlns:a16="http://schemas.microsoft.com/office/drawing/2014/main" id="{C00F1D74-74C8-4846-BD3A-D5934D42037B}"/>
                </a:ext>
              </a:extLst>
            </p:cNvPr>
            <p:cNvSpPr/>
            <p:nvPr/>
          </p:nvSpPr>
          <p:spPr>
            <a:xfrm>
              <a:off x="633201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7" name="Freeform: Shape 736">
              <a:extLst>
                <a:ext uri="{FF2B5EF4-FFF2-40B4-BE49-F238E27FC236}">
                  <a16:creationId xmlns:a16="http://schemas.microsoft.com/office/drawing/2014/main" id="{233AFB4B-C22A-4592-B950-F5D01D3A3A1A}"/>
                </a:ext>
              </a:extLst>
            </p:cNvPr>
            <p:cNvSpPr/>
            <p:nvPr/>
          </p:nvSpPr>
          <p:spPr>
            <a:xfrm>
              <a:off x="88996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8" name="Freeform: Shape 737">
              <a:extLst>
                <a:ext uri="{FF2B5EF4-FFF2-40B4-BE49-F238E27FC236}">
                  <a16:creationId xmlns:a16="http://schemas.microsoft.com/office/drawing/2014/main" id="{CE5CF42B-D7C0-42DD-ACF0-6F1CDC80D54D}"/>
                </a:ext>
              </a:extLst>
            </p:cNvPr>
            <p:cNvSpPr/>
            <p:nvPr/>
          </p:nvSpPr>
          <p:spPr>
            <a:xfrm>
              <a:off x="88996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9" name="Freeform: Shape 738">
              <a:extLst>
                <a:ext uri="{FF2B5EF4-FFF2-40B4-BE49-F238E27FC236}">
                  <a16:creationId xmlns:a16="http://schemas.microsoft.com/office/drawing/2014/main" id="{7562BFE5-2E47-4C9E-9661-F5BAFBB81480}"/>
                </a:ext>
              </a:extLst>
            </p:cNvPr>
            <p:cNvSpPr/>
            <p:nvPr/>
          </p:nvSpPr>
          <p:spPr>
            <a:xfrm>
              <a:off x="88996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0" name="Freeform: Shape 739">
              <a:extLst>
                <a:ext uri="{FF2B5EF4-FFF2-40B4-BE49-F238E27FC236}">
                  <a16:creationId xmlns:a16="http://schemas.microsoft.com/office/drawing/2014/main" id="{6A50FCE7-D4C2-4980-A883-97BB21D4E38E}"/>
                </a:ext>
              </a:extLst>
            </p:cNvPr>
            <p:cNvSpPr/>
            <p:nvPr/>
          </p:nvSpPr>
          <p:spPr>
            <a:xfrm>
              <a:off x="647469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1" name="Freeform: Shape 740">
              <a:extLst>
                <a:ext uri="{FF2B5EF4-FFF2-40B4-BE49-F238E27FC236}">
                  <a16:creationId xmlns:a16="http://schemas.microsoft.com/office/drawing/2014/main" id="{FB065692-9B06-498F-A0F1-A13FE51573F2}"/>
                </a:ext>
              </a:extLst>
            </p:cNvPr>
            <p:cNvSpPr/>
            <p:nvPr/>
          </p:nvSpPr>
          <p:spPr>
            <a:xfrm>
              <a:off x="904222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2" name="Freeform: Shape 741">
              <a:extLst>
                <a:ext uri="{FF2B5EF4-FFF2-40B4-BE49-F238E27FC236}">
                  <a16:creationId xmlns:a16="http://schemas.microsoft.com/office/drawing/2014/main" id="{CC779C5D-493C-4F61-9745-B55C294C3AA0}"/>
                </a:ext>
              </a:extLst>
            </p:cNvPr>
            <p:cNvSpPr/>
            <p:nvPr/>
          </p:nvSpPr>
          <p:spPr>
            <a:xfrm>
              <a:off x="647469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3" name="Freeform: Shape 742">
              <a:extLst>
                <a:ext uri="{FF2B5EF4-FFF2-40B4-BE49-F238E27FC236}">
                  <a16:creationId xmlns:a16="http://schemas.microsoft.com/office/drawing/2014/main" id="{43F0F6AB-B870-418F-81E5-015DDB8E30FF}"/>
                </a:ext>
              </a:extLst>
            </p:cNvPr>
            <p:cNvSpPr/>
            <p:nvPr/>
          </p:nvSpPr>
          <p:spPr>
            <a:xfrm>
              <a:off x="647469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4" name="Freeform: Shape 743">
              <a:extLst>
                <a:ext uri="{FF2B5EF4-FFF2-40B4-BE49-F238E27FC236}">
                  <a16:creationId xmlns:a16="http://schemas.microsoft.com/office/drawing/2014/main" id="{2D6CFF1B-50B1-4AFF-910F-6A766B0B9447}"/>
                </a:ext>
              </a:extLst>
            </p:cNvPr>
            <p:cNvSpPr/>
            <p:nvPr/>
          </p:nvSpPr>
          <p:spPr>
            <a:xfrm>
              <a:off x="647469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5" name="Freeform: Shape 744">
              <a:extLst>
                <a:ext uri="{FF2B5EF4-FFF2-40B4-BE49-F238E27FC236}">
                  <a16:creationId xmlns:a16="http://schemas.microsoft.com/office/drawing/2014/main" id="{170374D7-98C8-48A8-BBB4-B6BA13E3B8E7}"/>
                </a:ext>
              </a:extLst>
            </p:cNvPr>
            <p:cNvSpPr/>
            <p:nvPr/>
          </p:nvSpPr>
          <p:spPr>
            <a:xfrm>
              <a:off x="904222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6" name="Freeform: Shape 745">
              <a:extLst>
                <a:ext uri="{FF2B5EF4-FFF2-40B4-BE49-F238E27FC236}">
                  <a16:creationId xmlns:a16="http://schemas.microsoft.com/office/drawing/2014/main" id="{E0C86869-C682-459D-AFEB-94E99BE81B3D}"/>
                </a:ext>
              </a:extLst>
            </p:cNvPr>
            <p:cNvSpPr/>
            <p:nvPr/>
          </p:nvSpPr>
          <p:spPr>
            <a:xfrm>
              <a:off x="904222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7" name="Freeform: Shape 746">
              <a:extLst>
                <a:ext uri="{FF2B5EF4-FFF2-40B4-BE49-F238E27FC236}">
                  <a16:creationId xmlns:a16="http://schemas.microsoft.com/office/drawing/2014/main" id="{3D0D995C-8818-4194-972D-720AE45AD9EF}"/>
                </a:ext>
              </a:extLst>
            </p:cNvPr>
            <p:cNvSpPr/>
            <p:nvPr/>
          </p:nvSpPr>
          <p:spPr>
            <a:xfrm>
              <a:off x="904222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8" name="Freeform: Shape 747">
              <a:extLst>
                <a:ext uri="{FF2B5EF4-FFF2-40B4-BE49-F238E27FC236}">
                  <a16:creationId xmlns:a16="http://schemas.microsoft.com/office/drawing/2014/main" id="{D88A5C16-BFF6-473A-B19F-403DA9B0967D}"/>
                </a:ext>
              </a:extLst>
            </p:cNvPr>
            <p:cNvSpPr/>
            <p:nvPr/>
          </p:nvSpPr>
          <p:spPr>
            <a:xfrm>
              <a:off x="661729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9" name="Freeform: Shape 748">
              <a:extLst>
                <a:ext uri="{FF2B5EF4-FFF2-40B4-BE49-F238E27FC236}">
                  <a16:creationId xmlns:a16="http://schemas.microsoft.com/office/drawing/2014/main" id="{491299CA-3E95-4B3E-BD3C-586F2FE529B6}"/>
                </a:ext>
              </a:extLst>
            </p:cNvPr>
            <p:cNvSpPr/>
            <p:nvPr/>
          </p:nvSpPr>
          <p:spPr>
            <a:xfrm>
              <a:off x="661729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0" name="Freeform: Shape 749">
              <a:extLst>
                <a:ext uri="{FF2B5EF4-FFF2-40B4-BE49-F238E27FC236}">
                  <a16:creationId xmlns:a16="http://schemas.microsoft.com/office/drawing/2014/main" id="{34BBEB72-A90C-421B-A829-D8AA6047CE4C}"/>
                </a:ext>
              </a:extLst>
            </p:cNvPr>
            <p:cNvSpPr/>
            <p:nvPr/>
          </p:nvSpPr>
          <p:spPr>
            <a:xfrm>
              <a:off x="661729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1" name="Freeform: Shape 750">
              <a:extLst>
                <a:ext uri="{FF2B5EF4-FFF2-40B4-BE49-F238E27FC236}">
                  <a16:creationId xmlns:a16="http://schemas.microsoft.com/office/drawing/2014/main" id="{BE2394FA-0B80-4215-8EAC-DB8DF83FEACA}"/>
                </a:ext>
              </a:extLst>
            </p:cNvPr>
            <p:cNvSpPr/>
            <p:nvPr/>
          </p:nvSpPr>
          <p:spPr>
            <a:xfrm>
              <a:off x="661729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2" name="Freeform: Shape 751">
              <a:extLst>
                <a:ext uri="{FF2B5EF4-FFF2-40B4-BE49-F238E27FC236}">
                  <a16:creationId xmlns:a16="http://schemas.microsoft.com/office/drawing/2014/main" id="{234D2EDB-7797-488E-A26D-0626A88FFE5A}"/>
                </a:ext>
              </a:extLst>
            </p:cNvPr>
            <p:cNvSpPr/>
            <p:nvPr/>
          </p:nvSpPr>
          <p:spPr>
            <a:xfrm>
              <a:off x="675996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3" name="Freeform: Shape 752">
              <a:extLst>
                <a:ext uri="{FF2B5EF4-FFF2-40B4-BE49-F238E27FC236}">
                  <a16:creationId xmlns:a16="http://schemas.microsoft.com/office/drawing/2014/main" id="{61A71AB4-1E30-4214-98A7-7648F7DA2D16}"/>
                </a:ext>
              </a:extLst>
            </p:cNvPr>
            <p:cNvSpPr/>
            <p:nvPr/>
          </p:nvSpPr>
          <p:spPr>
            <a:xfrm>
              <a:off x="675996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4" name="Freeform: Shape 753">
              <a:extLst>
                <a:ext uri="{FF2B5EF4-FFF2-40B4-BE49-F238E27FC236}">
                  <a16:creationId xmlns:a16="http://schemas.microsoft.com/office/drawing/2014/main" id="{BFC1FA53-16D2-4B7F-95BB-D2A1DFD3A056}"/>
                </a:ext>
              </a:extLst>
            </p:cNvPr>
            <p:cNvSpPr/>
            <p:nvPr/>
          </p:nvSpPr>
          <p:spPr>
            <a:xfrm>
              <a:off x="675996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5" name="Freeform: Shape 754">
              <a:extLst>
                <a:ext uri="{FF2B5EF4-FFF2-40B4-BE49-F238E27FC236}">
                  <a16:creationId xmlns:a16="http://schemas.microsoft.com/office/drawing/2014/main" id="{40C7DACF-F634-44E1-9137-C54D1445D89C}"/>
                </a:ext>
              </a:extLst>
            </p:cNvPr>
            <p:cNvSpPr/>
            <p:nvPr/>
          </p:nvSpPr>
          <p:spPr>
            <a:xfrm>
              <a:off x="675996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6" name="Freeform: Shape 755">
              <a:extLst>
                <a:ext uri="{FF2B5EF4-FFF2-40B4-BE49-F238E27FC236}">
                  <a16:creationId xmlns:a16="http://schemas.microsoft.com/office/drawing/2014/main" id="{AD71793E-1A0E-4EED-ABAA-425D9CA64596}"/>
                </a:ext>
              </a:extLst>
            </p:cNvPr>
            <p:cNvSpPr/>
            <p:nvPr/>
          </p:nvSpPr>
          <p:spPr>
            <a:xfrm>
              <a:off x="69026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7" name="Freeform: Shape 756">
              <a:extLst>
                <a:ext uri="{FF2B5EF4-FFF2-40B4-BE49-F238E27FC236}">
                  <a16:creationId xmlns:a16="http://schemas.microsoft.com/office/drawing/2014/main" id="{5420089D-ADDA-44A8-A77B-03BD14F0CECF}"/>
                </a:ext>
              </a:extLst>
            </p:cNvPr>
            <p:cNvSpPr/>
            <p:nvPr/>
          </p:nvSpPr>
          <p:spPr>
            <a:xfrm>
              <a:off x="69026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8" name="Freeform: Shape 757">
              <a:extLst>
                <a:ext uri="{FF2B5EF4-FFF2-40B4-BE49-F238E27FC236}">
                  <a16:creationId xmlns:a16="http://schemas.microsoft.com/office/drawing/2014/main" id="{75C28F3D-06C5-4C68-8BFA-24A0929736B2}"/>
                </a:ext>
              </a:extLst>
            </p:cNvPr>
            <p:cNvSpPr/>
            <p:nvPr/>
          </p:nvSpPr>
          <p:spPr>
            <a:xfrm>
              <a:off x="69026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9" name="Freeform: Shape 758">
              <a:extLst>
                <a:ext uri="{FF2B5EF4-FFF2-40B4-BE49-F238E27FC236}">
                  <a16:creationId xmlns:a16="http://schemas.microsoft.com/office/drawing/2014/main" id="{CAF48FDE-9561-4452-9E28-FD6242C7BEF2}"/>
                </a:ext>
              </a:extLst>
            </p:cNvPr>
            <p:cNvSpPr/>
            <p:nvPr/>
          </p:nvSpPr>
          <p:spPr>
            <a:xfrm>
              <a:off x="69026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0" name="Freeform: Shape 759">
              <a:extLst>
                <a:ext uri="{FF2B5EF4-FFF2-40B4-BE49-F238E27FC236}">
                  <a16:creationId xmlns:a16="http://schemas.microsoft.com/office/drawing/2014/main" id="{144EAA7A-F778-4049-8892-A0B456C5DDC7}"/>
                </a:ext>
              </a:extLst>
            </p:cNvPr>
            <p:cNvSpPr/>
            <p:nvPr/>
          </p:nvSpPr>
          <p:spPr>
            <a:xfrm>
              <a:off x="704523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1" name="Freeform: Shape 760">
              <a:extLst>
                <a:ext uri="{FF2B5EF4-FFF2-40B4-BE49-F238E27FC236}">
                  <a16:creationId xmlns:a16="http://schemas.microsoft.com/office/drawing/2014/main" id="{1C4F4FDE-4202-4A56-AD67-E9B733D38644}"/>
                </a:ext>
              </a:extLst>
            </p:cNvPr>
            <p:cNvSpPr/>
            <p:nvPr/>
          </p:nvSpPr>
          <p:spPr>
            <a:xfrm>
              <a:off x="704523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2" name="Freeform: Shape 761">
              <a:extLst>
                <a:ext uri="{FF2B5EF4-FFF2-40B4-BE49-F238E27FC236}">
                  <a16:creationId xmlns:a16="http://schemas.microsoft.com/office/drawing/2014/main" id="{264B8E20-B744-40F8-9BCB-A1D7830E3CAE}"/>
                </a:ext>
              </a:extLst>
            </p:cNvPr>
            <p:cNvSpPr/>
            <p:nvPr/>
          </p:nvSpPr>
          <p:spPr>
            <a:xfrm>
              <a:off x="704523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3" name="Freeform: Shape 762">
              <a:extLst>
                <a:ext uri="{FF2B5EF4-FFF2-40B4-BE49-F238E27FC236}">
                  <a16:creationId xmlns:a16="http://schemas.microsoft.com/office/drawing/2014/main" id="{DF12528A-D1B6-4418-971A-3CD95F408132}"/>
                </a:ext>
              </a:extLst>
            </p:cNvPr>
            <p:cNvSpPr/>
            <p:nvPr/>
          </p:nvSpPr>
          <p:spPr>
            <a:xfrm>
              <a:off x="704523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4" name="Freeform: Shape 763">
              <a:extLst>
                <a:ext uri="{FF2B5EF4-FFF2-40B4-BE49-F238E27FC236}">
                  <a16:creationId xmlns:a16="http://schemas.microsoft.com/office/drawing/2014/main" id="{2FC10C21-BB61-479C-AFA6-99E0E45E4A89}"/>
                </a:ext>
              </a:extLst>
            </p:cNvPr>
            <p:cNvSpPr/>
            <p:nvPr/>
          </p:nvSpPr>
          <p:spPr>
            <a:xfrm>
              <a:off x="718791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5" name="Freeform: Shape 764">
              <a:extLst>
                <a:ext uri="{FF2B5EF4-FFF2-40B4-BE49-F238E27FC236}">
                  <a16:creationId xmlns:a16="http://schemas.microsoft.com/office/drawing/2014/main" id="{6013E88D-5B96-40FD-84FD-8DAA8D924BA2}"/>
                </a:ext>
              </a:extLst>
            </p:cNvPr>
            <p:cNvSpPr/>
            <p:nvPr/>
          </p:nvSpPr>
          <p:spPr>
            <a:xfrm>
              <a:off x="718791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6" name="Freeform: Shape 765">
              <a:extLst>
                <a:ext uri="{FF2B5EF4-FFF2-40B4-BE49-F238E27FC236}">
                  <a16:creationId xmlns:a16="http://schemas.microsoft.com/office/drawing/2014/main" id="{286BC8AC-9EFE-4842-8D55-53072FEB784B}"/>
                </a:ext>
              </a:extLst>
            </p:cNvPr>
            <p:cNvSpPr/>
            <p:nvPr/>
          </p:nvSpPr>
          <p:spPr>
            <a:xfrm>
              <a:off x="718791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7" name="Freeform: Shape 766">
              <a:extLst>
                <a:ext uri="{FF2B5EF4-FFF2-40B4-BE49-F238E27FC236}">
                  <a16:creationId xmlns:a16="http://schemas.microsoft.com/office/drawing/2014/main" id="{93131264-BD18-4E51-BB89-28B65CE821EA}"/>
                </a:ext>
              </a:extLst>
            </p:cNvPr>
            <p:cNvSpPr/>
            <p:nvPr/>
          </p:nvSpPr>
          <p:spPr>
            <a:xfrm>
              <a:off x="718791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8" name="Freeform: Shape 767">
              <a:extLst>
                <a:ext uri="{FF2B5EF4-FFF2-40B4-BE49-F238E27FC236}">
                  <a16:creationId xmlns:a16="http://schemas.microsoft.com/office/drawing/2014/main" id="{7C77ACF6-1C5B-499A-9D5C-512062A08B33}"/>
                </a:ext>
              </a:extLst>
            </p:cNvPr>
            <p:cNvSpPr/>
            <p:nvPr/>
          </p:nvSpPr>
          <p:spPr>
            <a:xfrm>
              <a:off x="733051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9" name="Freeform: Shape 768">
              <a:extLst>
                <a:ext uri="{FF2B5EF4-FFF2-40B4-BE49-F238E27FC236}">
                  <a16:creationId xmlns:a16="http://schemas.microsoft.com/office/drawing/2014/main" id="{9700DF5D-47C3-4740-9EF5-D89993A7E665}"/>
                </a:ext>
              </a:extLst>
            </p:cNvPr>
            <p:cNvSpPr/>
            <p:nvPr/>
          </p:nvSpPr>
          <p:spPr>
            <a:xfrm>
              <a:off x="733051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0" name="Freeform: Shape 769">
              <a:extLst>
                <a:ext uri="{FF2B5EF4-FFF2-40B4-BE49-F238E27FC236}">
                  <a16:creationId xmlns:a16="http://schemas.microsoft.com/office/drawing/2014/main" id="{E1EFA55B-D4AD-4C47-8181-999229AB2300}"/>
                </a:ext>
              </a:extLst>
            </p:cNvPr>
            <p:cNvSpPr/>
            <p:nvPr/>
          </p:nvSpPr>
          <p:spPr>
            <a:xfrm>
              <a:off x="733051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1" name="Freeform: Shape 770">
              <a:extLst>
                <a:ext uri="{FF2B5EF4-FFF2-40B4-BE49-F238E27FC236}">
                  <a16:creationId xmlns:a16="http://schemas.microsoft.com/office/drawing/2014/main" id="{8299D5F7-5C82-4D1D-BD05-BAF6E96F3676}"/>
                </a:ext>
              </a:extLst>
            </p:cNvPr>
            <p:cNvSpPr/>
            <p:nvPr/>
          </p:nvSpPr>
          <p:spPr>
            <a:xfrm>
              <a:off x="733051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2" name="Freeform: Shape 771">
              <a:extLst>
                <a:ext uri="{FF2B5EF4-FFF2-40B4-BE49-F238E27FC236}">
                  <a16:creationId xmlns:a16="http://schemas.microsoft.com/office/drawing/2014/main" id="{B24C4787-7984-4B43-8259-E464004D3512}"/>
                </a:ext>
              </a:extLst>
            </p:cNvPr>
            <p:cNvSpPr/>
            <p:nvPr/>
          </p:nvSpPr>
          <p:spPr>
            <a:xfrm>
              <a:off x="747318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3" name="Freeform: Shape 772">
              <a:extLst>
                <a:ext uri="{FF2B5EF4-FFF2-40B4-BE49-F238E27FC236}">
                  <a16:creationId xmlns:a16="http://schemas.microsoft.com/office/drawing/2014/main" id="{0A1DE1FE-367E-4F45-83E9-D6484F2D771B}"/>
                </a:ext>
              </a:extLst>
            </p:cNvPr>
            <p:cNvSpPr/>
            <p:nvPr/>
          </p:nvSpPr>
          <p:spPr>
            <a:xfrm>
              <a:off x="747318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4" name="Freeform: Shape 773">
              <a:extLst>
                <a:ext uri="{FF2B5EF4-FFF2-40B4-BE49-F238E27FC236}">
                  <a16:creationId xmlns:a16="http://schemas.microsoft.com/office/drawing/2014/main" id="{85029611-7D07-464B-BA84-834B6D0A00F2}"/>
                </a:ext>
              </a:extLst>
            </p:cNvPr>
            <p:cNvSpPr/>
            <p:nvPr/>
          </p:nvSpPr>
          <p:spPr>
            <a:xfrm>
              <a:off x="747318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5" name="Freeform: Shape 774">
              <a:extLst>
                <a:ext uri="{FF2B5EF4-FFF2-40B4-BE49-F238E27FC236}">
                  <a16:creationId xmlns:a16="http://schemas.microsoft.com/office/drawing/2014/main" id="{038483BE-5CDE-42F4-8B6B-994F8F5C0620}"/>
                </a:ext>
              </a:extLst>
            </p:cNvPr>
            <p:cNvSpPr/>
            <p:nvPr/>
          </p:nvSpPr>
          <p:spPr>
            <a:xfrm>
              <a:off x="747318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6" name="Freeform: Shape 775">
              <a:extLst>
                <a:ext uri="{FF2B5EF4-FFF2-40B4-BE49-F238E27FC236}">
                  <a16:creationId xmlns:a16="http://schemas.microsoft.com/office/drawing/2014/main" id="{35BDCB75-8BA3-4C79-8078-3F5164979B25}"/>
                </a:ext>
              </a:extLst>
            </p:cNvPr>
            <p:cNvSpPr/>
            <p:nvPr/>
          </p:nvSpPr>
          <p:spPr>
            <a:xfrm>
              <a:off x="519092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7" name="Freeform: Shape 776">
              <a:extLst>
                <a:ext uri="{FF2B5EF4-FFF2-40B4-BE49-F238E27FC236}">
                  <a16:creationId xmlns:a16="http://schemas.microsoft.com/office/drawing/2014/main" id="{A9DFAEAC-50E6-43C4-A07A-F465393B9286}"/>
                </a:ext>
              </a:extLst>
            </p:cNvPr>
            <p:cNvSpPr/>
            <p:nvPr/>
          </p:nvSpPr>
          <p:spPr>
            <a:xfrm>
              <a:off x="775846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8" name="Freeform: Shape 777">
              <a:extLst>
                <a:ext uri="{FF2B5EF4-FFF2-40B4-BE49-F238E27FC236}">
                  <a16:creationId xmlns:a16="http://schemas.microsoft.com/office/drawing/2014/main" id="{10152B5C-F5AB-4ED1-AE59-A4CCF81395F3}"/>
                </a:ext>
              </a:extLst>
            </p:cNvPr>
            <p:cNvSpPr/>
            <p:nvPr/>
          </p:nvSpPr>
          <p:spPr>
            <a:xfrm>
              <a:off x="519092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9" name="Freeform: Shape 778">
              <a:extLst>
                <a:ext uri="{FF2B5EF4-FFF2-40B4-BE49-F238E27FC236}">
                  <a16:creationId xmlns:a16="http://schemas.microsoft.com/office/drawing/2014/main" id="{7A2B36FA-EDEF-479D-9157-EC21540EDA14}"/>
                </a:ext>
              </a:extLst>
            </p:cNvPr>
            <p:cNvSpPr/>
            <p:nvPr/>
          </p:nvSpPr>
          <p:spPr>
            <a:xfrm>
              <a:off x="519092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0" name="Freeform: Shape 779">
              <a:extLst>
                <a:ext uri="{FF2B5EF4-FFF2-40B4-BE49-F238E27FC236}">
                  <a16:creationId xmlns:a16="http://schemas.microsoft.com/office/drawing/2014/main" id="{03188861-F4C9-42A4-80F4-B74B088F4A65}"/>
                </a:ext>
              </a:extLst>
            </p:cNvPr>
            <p:cNvSpPr/>
            <p:nvPr/>
          </p:nvSpPr>
          <p:spPr>
            <a:xfrm>
              <a:off x="519092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1" name="Freeform: Shape 780">
              <a:extLst>
                <a:ext uri="{FF2B5EF4-FFF2-40B4-BE49-F238E27FC236}">
                  <a16:creationId xmlns:a16="http://schemas.microsoft.com/office/drawing/2014/main" id="{8781C1D6-CB91-48D0-B5B5-E818BE0168CB}"/>
                </a:ext>
              </a:extLst>
            </p:cNvPr>
            <p:cNvSpPr/>
            <p:nvPr/>
          </p:nvSpPr>
          <p:spPr>
            <a:xfrm>
              <a:off x="775846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2" name="Freeform: Shape 781">
              <a:extLst>
                <a:ext uri="{FF2B5EF4-FFF2-40B4-BE49-F238E27FC236}">
                  <a16:creationId xmlns:a16="http://schemas.microsoft.com/office/drawing/2014/main" id="{F7EE5A5D-0DBF-4D56-A550-66EEA22EA8D6}"/>
                </a:ext>
              </a:extLst>
            </p:cNvPr>
            <p:cNvSpPr/>
            <p:nvPr/>
          </p:nvSpPr>
          <p:spPr>
            <a:xfrm>
              <a:off x="775846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3" name="Freeform: Shape 782">
              <a:extLst>
                <a:ext uri="{FF2B5EF4-FFF2-40B4-BE49-F238E27FC236}">
                  <a16:creationId xmlns:a16="http://schemas.microsoft.com/office/drawing/2014/main" id="{55577C07-37D4-4289-81E5-2A98FCD310A4}"/>
                </a:ext>
              </a:extLst>
            </p:cNvPr>
            <p:cNvSpPr/>
            <p:nvPr/>
          </p:nvSpPr>
          <p:spPr>
            <a:xfrm>
              <a:off x="775846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4" name="Freeform: Shape 783">
              <a:extLst>
                <a:ext uri="{FF2B5EF4-FFF2-40B4-BE49-F238E27FC236}">
                  <a16:creationId xmlns:a16="http://schemas.microsoft.com/office/drawing/2014/main" id="{8D5D30B0-4A11-4E71-9962-4E6350D4AACF}"/>
                </a:ext>
              </a:extLst>
            </p:cNvPr>
            <p:cNvSpPr/>
            <p:nvPr/>
          </p:nvSpPr>
          <p:spPr>
            <a:xfrm>
              <a:off x="847168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5" name="Freeform: Shape 784">
              <a:extLst>
                <a:ext uri="{FF2B5EF4-FFF2-40B4-BE49-F238E27FC236}">
                  <a16:creationId xmlns:a16="http://schemas.microsoft.com/office/drawing/2014/main" id="{F47A231B-2517-4177-8C19-D6F77967F09B}"/>
                </a:ext>
              </a:extLst>
            </p:cNvPr>
            <p:cNvSpPr/>
            <p:nvPr/>
          </p:nvSpPr>
          <p:spPr>
            <a:xfrm>
              <a:off x="91268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6" name="Freeform: Shape 785">
              <a:extLst>
                <a:ext uri="{FF2B5EF4-FFF2-40B4-BE49-F238E27FC236}">
                  <a16:creationId xmlns:a16="http://schemas.microsoft.com/office/drawing/2014/main" id="{870424B5-CCDD-471A-9983-E80807376283}"/>
                </a:ext>
              </a:extLst>
            </p:cNvPr>
            <p:cNvSpPr/>
            <p:nvPr/>
          </p:nvSpPr>
          <p:spPr>
            <a:xfrm>
              <a:off x="348022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7" name="Freeform: Shape 786">
              <a:extLst>
                <a:ext uri="{FF2B5EF4-FFF2-40B4-BE49-F238E27FC236}">
                  <a16:creationId xmlns:a16="http://schemas.microsoft.com/office/drawing/2014/main" id="{655671E0-FD2C-4BFC-90FE-7FFA1EB596FD}"/>
                </a:ext>
              </a:extLst>
            </p:cNvPr>
            <p:cNvSpPr/>
            <p:nvPr/>
          </p:nvSpPr>
          <p:spPr>
            <a:xfrm>
              <a:off x="91268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8" name="Freeform: Shape 787">
              <a:extLst>
                <a:ext uri="{FF2B5EF4-FFF2-40B4-BE49-F238E27FC236}">
                  <a16:creationId xmlns:a16="http://schemas.microsoft.com/office/drawing/2014/main" id="{438ECF4E-5178-4791-9CEB-7139A90C8C4C}"/>
                </a:ext>
              </a:extLst>
            </p:cNvPr>
            <p:cNvSpPr/>
            <p:nvPr/>
          </p:nvSpPr>
          <p:spPr>
            <a:xfrm>
              <a:off x="91268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9" name="Freeform: Shape 788">
              <a:extLst>
                <a:ext uri="{FF2B5EF4-FFF2-40B4-BE49-F238E27FC236}">
                  <a16:creationId xmlns:a16="http://schemas.microsoft.com/office/drawing/2014/main" id="{85B094F1-6E9F-4E0D-B1AE-96469B150BE2}"/>
                </a:ext>
              </a:extLst>
            </p:cNvPr>
            <p:cNvSpPr/>
            <p:nvPr/>
          </p:nvSpPr>
          <p:spPr>
            <a:xfrm>
              <a:off x="91268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0" name="Freeform: Shape 789">
              <a:extLst>
                <a:ext uri="{FF2B5EF4-FFF2-40B4-BE49-F238E27FC236}">
                  <a16:creationId xmlns:a16="http://schemas.microsoft.com/office/drawing/2014/main" id="{8282C98B-9297-45F1-963C-C8D1E21C364F}"/>
                </a:ext>
              </a:extLst>
            </p:cNvPr>
            <p:cNvSpPr/>
            <p:nvPr/>
          </p:nvSpPr>
          <p:spPr>
            <a:xfrm>
              <a:off x="348022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1" name="Freeform: Shape 790">
              <a:extLst>
                <a:ext uri="{FF2B5EF4-FFF2-40B4-BE49-F238E27FC236}">
                  <a16:creationId xmlns:a16="http://schemas.microsoft.com/office/drawing/2014/main" id="{D6C98C91-6AC4-43AD-BD5E-E6024263CA7D}"/>
                </a:ext>
              </a:extLst>
            </p:cNvPr>
            <p:cNvSpPr/>
            <p:nvPr/>
          </p:nvSpPr>
          <p:spPr>
            <a:xfrm>
              <a:off x="348022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2" name="Freeform: Shape 791">
              <a:extLst>
                <a:ext uri="{FF2B5EF4-FFF2-40B4-BE49-F238E27FC236}">
                  <a16:creationId xmlns:a16="http://schemas.microsoft.com/office/drawing/2014/main" id="{0DA4C7FD-7518-410E-9A36-0A929138B4AC}"/>
                </a:ext>
              </a:extLst>
            </p:cNvPr>
            <p:cNvSpPr/>
            <p:nvPr/>
          </p:nvSpPr>
          <p:spPr>
            <a:xfrm>
              <a:off x="348022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3" name="Freeform: Shape 792">
              <a:extLst>
                <a:ext uri="{FF2B5EF4-FFF2-40B4-BE49-F238E27FC236}">
                  <a16:creationId xmlns:a16="http://schemas.microsoft.com/office/drawing/2014/main" id="{35FF550F-3E3C-406F-B830-75E4D128EE91}"/>
                </a:ext>
              </a:extLst>
            </p:cNvPr>
            <p:cNvSpPr/>
            <p:nvPr/>
          </p:nvSpPr>
          <p:spPr>
            <a:xfrm>
              <a:off x="119795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4" name="Freeform: Shape 793">
              <a:extLst>
                <a:ext uri="{FF2B5EF4-FFF2-40B4-BE49-F238E27FC236}">
                  <a16:creationId xmlns:a16="http://schemas.microsoft.com/office/drawing/2014/main" id="{96B73F27-77A0-4A12-941E-FFFDDEC877EA}"/>
                </a:ext>
              </a:extLst>
            </p:cNvPr>
            <p:cNvSpPr/>
            <p:nvPr/>
          </p:nvSpPr>
          <p:spPr>
            <a:xfrm>
              <a:off x="37654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5" name="Freeform: Shape 794">
              <a:extLst>
                <a:ext uri="{FF2B5EF4-FFF2-40B4-BE49-F238E27FC236}">
                  <a16:creationId xmlns:a16="http://schemas.microsoft.com/office/drawing/2014/main" id="{9F497CEA-6395-426F-B91D-C4B2B90BCBD4}"/>
                </a:ext>
              </a:extLst>
            </p:cNvPr>
            <p:cNvSpPr/>
            <p:nvPr/>
          </p:nvSpPr>
          <p:spPr>
            <a:xfrm>
              <a:off x="119795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6" name="Freeform: Shape 795">
              <a:extLst>
                <a:ext uri="{FF2B5EF4-FFF2-40B4-BE49-F238E27FC236}">
                  <a16:creationId xmlns:a16="http://schemas.microsoft.com/office/drawing/2014/main" id="{CC7078A9-29CF-49D2-8DF8-CC393ED245A6}"/>
                </a:ext>
              </a:extLst>
            </p:cNvPr>
            <p:cNvSpPr/>
            <p:nvPr/>
          </p:nvSpPr>
          <p:spPr>
            <a:xfrm>
              <a:off x="119795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7" name="Freeform: Shape 796">
              <a:extLst>
                <a:ext uri="{FF2B5EF4-FFF2-40B4-BE49-F238E27FC236}">
                  <a16:creationId xmlns:a16="http://schemas.microsoft.com/office/drawing/2014/main" id="{2B472E4D-FA1A-4B0B-B00C-BEE4CDE6E90D}"/>
                </a:ext>
              </a:extLst>
            </p:cNvPr>
            <p:cNvSpPr/>
            <p:nvPr/>
          </p:nvSpPr>
          <p:spPr>
            <a:xfrm>
              <a:off x="119795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8" name="Freeform: Shape 797">
              <a:extLst>
                <a:ext uri="{FF2B5EF4-FFF2-40B4-BE49-F238E27FC236}">
                  <a16:creationId xmlns:a16="http://schemas.microsoft.com/office/drawing/2014/main" id="{C5F8D134-291E-41DF-81A0-E418279654CC}"/>
                </a:ext>
              </a:extLst>
            </p:cNvPr>
            <p:cNvSpPr/>
            <p:nvPr/>
          </p:nvSpPr>
          <p:spPr>
            <a:xfrm>
              <a:off x="37654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9" name="Freeform: Shape 798">
              <a:extLst>
                <a:ext uri="{FF2B5EF4-FFF2-40B4-BE49-F238E27FC236}">
                  <a16:creationId xmlns:a16="http://schemas.microsoft.com/office/drawing/2014/main" id="{BFB157B8-EF78-4C08-B103-0C15708F3243}"/>
                </a:ext>
              </a:extLst>
            </p:cNvPr>
            <p:cNvSpPr/>
            <p:nvPr/>
          </p:nvSpPr>
          <p:spPr>
            <a:xfrm>
              <a:off x="37654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0" name="Freeform: Shape 799">
              <a:extLst>
                <a:ext uri="{FF2B5EF4-FFF2-40B4-BE49-F238E27FC236}">
                  <a16:creationId xmlns:a16="http://schemas.microsoft.com/office/drawing/2014/main" id="{6ADCA2A7-58FD-4EA2-9353-7DD3324424BD}"/>
                </a:ext>
              </a:extLst>
            </p:cNvPr>
            <p:cNvSpPr/>
            <p:nvPr/>
          </p:nvSpPr>
          <p:spPr>
            <a:xfrm>
              <a:off x="37654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1" name="Freeform: Shape 800">
              <a:extLst>
                <a:ext uri="{FF2B5EF4-FFF2-40B4-BE49-F238E27FC236}">
                  <a16:creationId xmlns:a16="http://schemas.microsoft.com/office/drawing/2014/main" id="{B9C69053-368E-4C20-B01D-E0AE0E36A625}"/>
                </a:ext>
              </a:extLst>
            </p:cNvPr>
            <p:cNvSpPr/>
            <p:nvPr/>
          </p:nvSpPr>
          <p:spPr>
            <a:xfrm>
              <a:off x="134063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2" name="Freeform: Shape 801">
              <a:extLst>
                <a:ext uri="{FF2B5EF4-FFF2-40B4-BE49-F238E27FC236}">
                  <a16:creationId xmlns:a16="http://schemas.microsoft.com/office/drawing/2014/main" id="{7C2BD604-C625-4FEB-B714-F5546678A5A3}"/>
                </a:ext>
              </a:extLst>
            </p:cNvPr>
            <p:cNvSpPr/>
            <p:nvPr/>
          </p:nvSpPr>
          <p:spPr>
            <a:xfrm>
              <a:off x="390816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3" name="Freeform: Shape 802">
              <a:extLst>
                <a:ext uri="{FF2B5EF4-FFF2-40B4-BE49-F238E27FC236}">
                  <a16:creationId xmlns:a16="http://schemas.microsoft.com/office/drawing/2014/main" id="{581FCA81-E2B7-4C31-A1FE-15555DEF1C1F}"/>
                </a:ext>
              </a:extLst>
            </p:cNvPr>
            <p:cNvSpPr/>
            <p:nvPr/>
          </p:nvSpPr>
          <p:spPr>
            <a:xfrm>
              <a:off x="134063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4" name="Freeform: Shape 803">
              <a:extLst>
                <a:ext uri="{FF2B5EF4-FFF2-40B4-BE49-F238E27FC236}">
                  <a16:creationId xmlns:a16="http://schemas.microsoft.com/office/drawing/2014/main" id="{CD94D3FD-3154-400F-BA5E-F621BEE47516}"/>
                </a:ext>
              </a:extLst>
            </p:cNvPr>
            <p:cNvSpPr/>
            <p:nvPr/>
          </p:nvSpPr>
          <p:spPr>
            <a:xfrm>
              <a:off x="134063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5" name="Freeform: Shape 804">
              <a:extLst>
                <a:ext uri="{FF2B5EF4-FFF2-40B4-BE49-F238E27FC236}">
                  <a16:creationId xmlns:a16="http://schemas.microsoft.com/office/drawing/2014/main" id="{EE068BB9-B456-414F-AE60-4F6760C916CF}"/>
                </a:ext>
              </a:extLst>
            </p:cNvPr>
            <p:cNvSpPr/>
            <p:nvPr/>
          </p:nvSpPr>
          <p:spPr>
            <a:xfrm>
              <a:off x="134063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6" name="Freeform: Shape 805">
              <a:extLst>
                <a:ext uri="{FF2B5EF4-FFF2-40B4-BE49-F238E27FC236}">
                  <a16:creationId xmlns:a16="http://schemas.microsoft.com/office/drawing/2014/main" id="{EC99B537-6138-424A-8A14-6E64ABA5DBCF}"/>
                </a:ext>
              </a:extLst>
            </p:cNvPr>
            <p:cNvSpPr/>
            <p:nvPr/>
          </p:nvSpPr>
          <p:spPr>
            <a:xfrm>
              <a:off x="390816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7" name="Freeform: Shape 806">
              <a:extLst>
                <a:ext uri="{FF2B5EF4-FFF2-40B4-BE49-F238E27FC236}">
                  <a16:creationId xmlns:a16="http://schemas.microsoft.com/office/drawing/2014/main" id="{2944CC3B-C045-4210-8687-0B20C24DCADB}"/>
                </a:ext>
              </a:extLst>
            </p:cNvPr>
            <p:cNvSpPr/>
            <p:nvPr/>
          </p:nvSpPr>
          <p:spPr>
            <a:xfrm>
              <a:off x="390816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8" name="Freeform: Shape 807">
              <a:extLst>
                <a:ext uri="{FF2B5EF4-FFF2-40B4-BE49-F238E27FC236}">
                  <a16:creationId xmlns:a16="http://schemas.microsoft.com/office/drawing/2014/main" id="{48267B91-C580-477E-BA75-62B03945C356}"/>
                </a:ext>
              </a:extLst>
            </p:cNvPr>
            <p:cNvSpPr/>
            <p:nvPr/>
          </p:nvSpPr>
          <p:spPr>
            <a:xfrm>
              <a:off x="390816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9" name="Freeform: Shape 808">
              <a:extLst>
                <a:ext uri="{FF2B5EF4-FFF2-40B4-BE49-F238E27FC236}">
                  <a16:creationId xmlns:a16="http://schemas.microsoft.com/office/drawing/2014/main" id="{D3DA6994-A25C-4C02-8360-53E38CEAD802}"/>
                </a:ext>
              </a:extLst>
            </p:cNvPr>
            <p:cNvSpPr/>
            <p:nvPr/>
          </p:nvSpPr>
          <p:spPr>
            <a:xfrm>
              <a:off x="148323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0" name="Freeform: Shape 809">
              <a:extLst>
                <a:ext uri="{FF2B5EF4-FFF2-40B4-BE49-F238E27FC236}">
                  <a16:creationId xmlns:a16="http://schemas.microsoft.com/office/drawing/2014/main" id="{72842F15-80BC-4CF2-8460-2BB9A91438ED}"/>
                </a:ext>
              </a:extLst>
            </p:cNvPr>
            <p:cNvSpPr/>
            <p:nvPr/>
          </p:nvSpPr>
          <p:spPr>
            <a:xfrm>
              <a:off x="405084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1" name="Freeform: Shape 810">
              <a:extLst>
                <a:ext uri="{FF2B5EF4-FFF2-40B4-BE49-F238E27FC236}">
                  <a16:creationId xmlns:a16="http://schemas.microsoft.com/office/drawing/2014/main" id="{3D2E5DB7-41F1-444D-AF37-3C231AAEA815}"/>
                </a:ext>
              </a:extLst>
            </p:cNvPr>
            <p:cNvSpPr/>
            <p:nvPr/>
          </p:nvSpPr>
          <p:spPr>
            <a:xfrm>
              <a:off x="148323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2" name="Freeform: Shape 811">
              <a:extLst>
                <a:ext uri="{FF2B5EF4-FFF2-40B4-BE49-F238E27FC236}">
                  <a16:creationId xmlns:a16="http://schemas.microsoft.com/office/drawing/2014/main" id="{6477AFCB-97FB-4456-8599-50133BCE8F18}"/>
                </a:ext>
              </a:extLst>
            </p:cNvPr>
            <p:cNvSpPr/>
            <p:nvPr/>
          </p:nvSpPr>
          <p:spPr>
            <a:xfrm>
              <a:off x="148323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3" name="Freeform: Shape 812">
              <a:extLst>
                <a:ext uri="{FF2B5EF4-FFF2-40B4-BE49-F238E27FC236}">
                  <a16:creationId xmlns:a16="http://schemas.microsoft.com/office/drawing/2014/main" id="{9C6D4235-A4D3-4766-9EC2-0536BF0484E8}"/>
                </a:ext>
              </a:extLst>
            </p:cNvPr>
            <p:cNvSpPr/>
            <p:nvPr/>
          </p:nvSpPr>
          <p:spPr>
            <a:xfrm>
              <a:off x="148323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4" name="Freeform: Shape 813">
              <a:extLst>
                <a:ext uri="{FF2B5EF4-FFF2-40B4-BE49-F238E27FC236}">
                  <a16:creationId xmlns:a16="http://schemas.microsoft.com/office/drawing/2014/main" id="{467E0EEB-AFE9-44AD-ACE2-31B2740AF5AA}"/>
                </a:ext>
              </a:extLst>
            </p:cNvPr>
            <p:cNvSpPr/>
            <p:nvPr/>
          </p:nvSpPr>
          <p:spPr>
            <a:xfrm>
              <a:off x="405084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5" name="Freeform: Shape 814">
              <a:extLst>
                <a:ext uri="{FF2B5EF4-FFF2-40B4-BE49-F238E27FC236}">
                  <a16:creationId xmlns:a16="http://schemas.microsoft.com/office/drawing/2014/main" id="{D83B6074-882E-4441-9A2D-72FB7FE84978}"/>
                </a:ext>
              </a:extLst>
            </p:cNvPr>
            <p:cNvSpPr/>
            <p:nvPr/>
          </p:nvSpPr>
          <p:spPr>
            <a:xfrm>
              <a:off x="405084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6" name="Freeform: Shape 815">
              <a:extLst>
                <a:ext uri="{FF2B5EF4-FFF2-40B4-BE49-F238E27FC236}">
                  <a16:creationId xmlns:a16="http://schemas.microsoft.com/office/drawing/2014/main" id="{EA4094DD-0652-4FFA-A7B4-CC5243A75302}"/>
                </a:ext>
              </a:extLst>
            </p:cNvPr>
            <p:cNvSpPr/>
            <p:nvPr/>
          </p:nvSpPr>
          <p:spPr>
            <a:xfrm>
              <a:off x="405084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7" name="Freeform: Shape 816">
              <a:extLst>
                <a:ext uri="{FF2B5EF4-FFF2-40B4-BE49-F238E27FC236}">
                  <a16:creationId xmlns:a16="http://schemas.microsoft.com/office/drawing/2014/main" id="{A57084D3-55AA-416A-B029-75C79A9C4F61}"/>
                </a:ext>
              </a:extLst>
            </p:cNvPr>
            <p:cNvSpPr/>
            <p:nvPr/>
          </p:nvSpPr>
          <p:spPr>
            <a:xfrm>
              <a:off x="162590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8" name="Freeform: Shape 817">
              <a:extLst>
                <a:ext uri="{FF2B5EF4-FFF2-40B4-BE49-F238E27FC236}">
                  <a16:creationId xmlns:a16="http://schemas.microsoft.com/office/drawing/2014/main" id="{A777310D-66CC-4F86-9A1D-0E13091BD99D}"/>
                </a:ext>
              </a:extLst>
            </p:cNvPr>
            <p:cNvSpPr/>
            <p:nvPr/>
          </p:nvSpPr>
          <p:spPr>
            <a:xfrm>
              <a:off x="419344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9" name="Freeform: Shape 818">
              <a:extLst>
                <a:ext uri="{FF2B5EF4-FFF2-40B4-BE49-F238E27FC236}">
                  <a16:creationId xmlns:a16="http://schemas.microsoft.com/office/drawing/2014/main" id="{B8818183-34E3-4675-B6FD-A0DF341F1928}"/>
                </a:ext>
              </a:extLst>
            </p:cNvPr>
            <p:cNvSpPr/>
            <p:nvPr/>
          </p:nvSpPr>
          <p:spPr>
            <a:xfrm>
              <a:off x="162590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0" name="Freeform: Shape 819">
              <a:extLst>
                <a:ext uri="{FF2B5EF4-FFF2-40B4-BE49-F238E27FC236}">
                  <a16:creationId xmlns:a16="http://schemas.microsoft.com/office/drawing/2014/main" id="{2B7D3F2B-8DD3-4851-8A6D-D5C3A7806FC4}"/>
                </a:ext>
              </a:extLst>
            </p:cNvPr>
            <p:cNvSpPr/>
            <p:nvPr/>
          </p:nvSpPr>
          <p:spPr>
            <a:xfrm>
              <a:off x="162590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1" name="Freeform: Shape 820">
              <a:extLst>
                <a:ext uri="{FF2B5EF4-FFF2-40B4-BE49-F238E27FC236}">
                  <a16:creationId xmlns:a16="http://schemas.microsoft.com/office/drawing/2014/main" id="{99282C7A-52F6-4056-975C-4BC44270CB1C}"/>
                </a:ext>
              </a:extLst>
            </p:cNvPr>
            <p:cNvSpPr/>
            <p:nvPr/>
          </p:nvSpPr>
          <p:spPr>
            <a:xfrm>
              <a:off x="162590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2" name="Freeform: Shape 821">
              <a:extLst>
                <a:ext uri="{FF2B5EF4-FFF2-40B4-BE49-F238E27FC236}">
                  <a16:creationId xmlns:a16="http://schemas.microsoft.com/office/drawing/2014/main" id="{93731349-8F6E-4183-9491-EFCA7BCCEE4D}"/>
                </a:ext>
              </a:extLst>
            </p:cNvPr>
            <p:cNvSpPr/>
            <p:nvPr/>
          </p:nvSpPr>
          <p:spPr>
            <a:xfrm>
              <a:off x="419344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3" name="Freeform: Shape 822">
              <a:extLst>
                <a:ext uri="{FF2B5EF4-FFF2-40B4-BE49-F238E27FC236}">
                  <a16:creationId xmlns:a16="http://schemas.microsoft.com/office/drawing/2014/main" id="{ED3A3402-115D-490F-A965-94D91AB0445B}"/>
                </a:ext>
              </a:extLst>
            </p:cNvPr>
            <p:cNvSpPr/>
            <p:nvPr/>
          </p:nvSpPr>
          <p:spPr>
            <a:xfrm>
              <a:off x="419344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4" name="Freeform: Shape 823">
              <a:extLst>
                <a:ext uri="{FF2B5EF4-FFF2-40B4-BE49-F238E27FC236}">
                  <a16:creationId xmlns:a16="http://schemas.microsoft.com/office/drawing/2014/main" id="{1EC020F8-DB15-455D-BA36-5B13FDFDC8C2}"/>
                </a:ext>
              </a:extLst>
            </p:cNvPr>
            <p:cNvSpPr/>
            <p:nvPr/>
          </p:nvSpPr>
          <p:spPr>
            <a:xfrm>
              <a:off x="419344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5" name="Freeform: Shape 824">
              <a:extLst>
                <a:ext uri="{FF2B5EF4-FFF2-40B4-BE49-F238E27FC236}">
                  <a16:creationId xmlns:a16="http://schemas.microsoft.com/office/drawing/2014/main" id="{C634C474-1AB1-4062-9E1E-C9153A8AA83C}"/>
                </a:ext>
              </a:extLst>
            </p:cNvPr>
            <p:cNvSpPr/>
            <p:nvPr/>
          </p:nvSpPr>
          <p:spPr>
            <a:xfrm>
              <a:off x="176850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6" name="Freeform: Shape 825">
              <a:extLst>
                <a:ext uri="{FF2B5EF4-FFF2-40B4-BE49-F238E27FC236}">
                  <a16:creationId xmlns:a16="http://schemas.microsoft.com/office/drawing/2014/main" id="{68F27E07-1EEF-42D3-9565-AE255CD0F758}"/>
                </a:ext>
              </a:extLst>
            </p:cNvPr>
            <p:cNvSpPr/>
            <p:nvPr/>
          </p:nvSpPr>
          <p:spPr>
            <a:xfrm>
              <a:off x="433611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7" name="Freeform: Shape 826">
              <a:extLst>
                <a:ext uri="{FF2B5EF4-FFF2-40B4-BE49-F238E27FC236}">
                  <a16:creationId xmlns:a16="http://schemas.microsoft.com/office/drawing/2014/main" id="{D3F39D49-4A83-4018-A649-90B933A55C1E}"/>
                </a:ext>
              </a:extLst>
            </p:cNvPr>
            <p:cNvSpPr/>
            <p:nvPr/>
          </p:nvSpPr>
          <p:spPr>
            <a:xfrm>
              <a:off x="176850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8" name="Freeform: Shape 827">
              <a:extLst>
                <a:ext uri="{FF2B5EF4-FFF2-40B4-BE49-F238E27FC236}">
                  <a16:creationId xmlns:a16="http://schemas.microsoft.com/office/drawing/2014/main" id="{02B43AD9-F2A2-435B-8F16-EBA577A785D9}"/>
                </a:ext>
              </a:extLst>
            </p:cNvPr>
            <p:cNvSpPr/>
            <p:nvPr/>
          </p:nvSpPr>
          <p:spPr>
            <a:xfrm>
              <a:off x="176850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9" name="Freeform: Shape 828">
              <a:extLst>
                <a:ext uri="{FF2B5EF4-FFF2-40B4-BE49-F238E27FC236}">
                  <a16:creationId xmlns:a16="http://schemas.microsoft.com/office/drawing/2014/main" id="{387F62BA-DCF8-4473-BFA6-1295069D5224}"/>
                </a:ext>
              </a:extLst>
            </p:cNvPr>
            <p:cNvSpPr/>
            <p:nvPr/>
          </p:nvSpPr>
          <p:spPr>
            <a:xfrm>
              <a:off x="176850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0" name="Freeform: Shape 829">
              <a:extLst>
                <a:ext uri="{FF2B5EF4-FFF2-40B4-BE49-F238E27FC236}">
                  <a16:creationId xmlns:a16="http://schemas.microsoft.com/office/drawing/2014/main" id="{69AFB2E0-3AFA-478F-9FB2-040C81CC81FE}"/>
                </a:ext>
              </a:extLst>
            </p:cNvPr>
            <p:cNvSpPr/>
            <p:nvPr/>
          </p:nvSpPr>
          <p:spPr>
            <a:xfrm>
              <a:off x="433611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1" name="Freeform: Shape 830">
              <a:extLst>
                <a:ext uri="{FF2B5EF4-FFF2-40B4-BE49-F238E27FC236}">
                  <a16:creationId xmlns:a16="http://schemas.microsoft.com/office/drawing/2014/main" id="{8CA30420-CBBD-4865-B4B3-AF0C55BFCF6A}"/>
                </a:ext>
              </a:extLst>
            </p:cNvPr>
            <p:cNvSpPr/>
            <p:nvPr/>
          </p:nvSpPr>
          <p:spPr>
            <a:xfrm>
              <a:off x="433611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2" name="Freeform: Shape 831">
              <a:extLst>
                <a:ext uri="{FF2B5EF4-FFF2-40B4-BE49-F238E27FC236}">
                  <a16:creationId xmlns:a16="http://schemas.microsoft.com/office/drawing/2014/main" id="{D9992ACB-88F7-4E9F-8568-D6C769A0263F}"/>
                </a:ext>
              </a:extLst>
            </p:cNvPr>
            <p:cNvSpPr/>
            <p:nvPr/>
          </p:nvSpPr>
          <p:spPr>
            <a:xfrm>
              <a:off x="191117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3" name="Freeform: Shape 832">
              <a:extLst>
                <a:ext uri="{FF2B5EF4-FFF2-40B4-BE49-F238E27FC236}">
                  <a16:creationId xmlns:a16="http://schemas.microsoft.com/office/drawing/2014/main" id="{42586B4E-656E-45E8-8A78-17A766AF425D}"/>
                </a:ext>
              </a:extLst>
            </p:cNvPr>
            <p:cNvSpPr/>
            <p:nvPr/>
          </p:nvSpPr>
          <p:spPr>
            <a:xfrm>
              <a:off x="447871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4" name="Freeform: Shape 833">
              <a:extLst>
                <a:ext uri="{FF2B5EF4-FFF2-40B4-BE49-F238E27FC236}">
                  <a16:creationId xmlns:a16="http://schemas.microsoft.com/office/drawing/2014/main" id="{BF0C647F-C508-476C-91C5-BB45ACD195A4}"/>
                </a:ext>
              </a:extLst>
            </p:cNvPr>
            <p:cNvSpPr/>
            <p:nvPr/>
          </p:nvSpPr>
          <p:spPr>
            <a:xfrm>
              <a:off x="191117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5" name="Freeform: Shape 834">
              <a:extLst>
                <a:ext uri="{FF2B5EF4-FFF2-40B4-BE49-F238E27FC236}">
                  <a16:creationId xmlns:a16="http://schemas.microsoft.com/office/drawing/2014/main" id="{10534114-45C5-442E-AB31-8946CD224CD8}"/>
                </a:ext>
              </a:extLst>
            </p:cNvPr>
            <p:cNvSpPr/>
            <p:nvPr/>
          </p:nvSpPr>
          <p:spPr>
            <a:xfrm>
              <a:off x="191117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6" name="Freeform: Shape 835">
              <a:extLst>
                <a:ext uri="{FF2B5EF4-FFF2-40B4-BE49-F238E27FC236}">
                  <a16:creationId xmlns:a16="http://schemas.microsoft.com/office/drawing/2014/main" id="{AC08E020-0D11-4653-9C36-B24D7ED47008}"/>
                </a:ext>
              </a:extLst>
            </p:cNvPr>
            <p:cNvSpPr/>
            <p:nvPr/>
          </p:nvSpPr>
          <p:spPr>
            <a:xfrm>
              <a:off x="191117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7" name="Freeform: Shape 836">
              <a:extLst>
                <a:ext uri="{FF2B5EF4-FFF2-40B4-BE49-F238E27FC236}">
                  <a16:creationId xmlns:a16="http://schemas.microsoft.com/office/drawing/2014/main" id="{6994EAA5-5D82-4173-B836-6D97B67500DE}"/>
                </a:ext>
              </a:extLst>
            </p:cNvPr>
            <p:cNvSpPr/>
            <p:nvPr/>
          </p:nvSpPr>
          <p:spPr>
            <a:xfrm>
              <a:off x="447871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8" name="Freeform: Shape 837">
              <a:extLst>
                <a:ext uri="{FF2B5EF4-FFF2-40B4-BE49-F238E27FC236}">
                  <a16:creationId xmlns:a16="http://schemas.microsoft.com/office/drawing/2014/main" id="{B6DA8E28-B186-49F3-9552-F7A9DBF99A1C}"/>
                </a:ext>
              </a:extLst>
            </p:cNvPr>
            <p:cNvSpPr/>
            <p:nvPr/>
          </p:nvSpPr>
          <p:spPr>
            <a:xfrm>
              <a:off x="447871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9" name="Freeform: Shape 838">
              <a:extLst>
                <a:ext uri="{FF2B5EF4-FFF2-40B4-BE49-F238E27FC236}">
                  <a16:creationId xmlns:a16="http://schemas.microsoft.com/office/drawing/2014/main" id="{0E29FCC2-8386-4F3A-AFCB-2A47601B3AB4}"/>
                </a:ext>
              </a:extLst>
            </p:cNvPr>
            <p:cNvSpPr/>
            <p:nvPr/>
          </p:nvSpPr>
          <p:spPr>
            <a:xfrm>
              <a:off x="447871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0" name="Freeform: Shape 839">
              <a:extLst>
                <a:ext uri="{FF2B5EF4-FFF2-40B4-BE49-F238E27FC236}">
                  <a16:creationId xmlns:a16="http://schemas.microsoft.com/office/drawing/2014/main" id="{288AE7B4-3EFA-4469-8099-081E059976CD}"/>
                </a:ext>
              </a:extLst>
            </p:cNvPr>
            <p:cNvSpPr/>
            <p:nvPr/>
          </p:nvSpPr>
          <p:spPr>
            <a:xfrm>
              <a:off x="205385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1" name="Freeform: Shape 840">
              <a:extLst>
                <a:ext uri="{FF2B5EF4-FFF2-40B4-BE49-F238E27FC236}">
                  <a16:creationId xmlns:a16="http://schemas.microsoft.com/office/drawing/2014/main" id="{F92B6456-D075-4093-A3D6-221E1409EB35}"/>
                </a:ext>
              </a:extLst>
            </p:cNvPr>
            <p:cNvSpPr/>
            <p:nvPr/>
          </p:nvSpPr>
          <p:spPr>
            <a:xfrm>
              <a:off x="4621389"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2" name="Freeform: Shape 841">
              <a:extLst>
                <a:ext uri="{FF2B5EF4-FFF2-40B4-BE49-F238E27FC236}">
                  <a16:creationId xmlns:a16="http://schemas.microsoft.com/office/drawing/2014/main" id="{AB8FF9CB-00FE-4F0A-9B73-DE442C04E414}"/>
                </a:ext>
              </a:extLst>
            </p:cNvPr>
            <p:cNvSpPr/>
            <p:nvPr/>
          </p:nvSpPr>
          <p:spPr>
            <a:xfrm>
              <a:off x="205385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3" name="Freeform: Shape 842">
              <a:extLst>
                <a:ext uri="{FF2B5EF4-FFF2-40B4-BE49-F238E27FC236}">
                  <a16:creationId xmlns:a16="http://schemas.microsoft.com/office/drawing/2014/main" id="{C1250568-FE9F-463A-A60D-45AAD18B9817}"/>
                </a:ext>
              </a:extLst>
            </p:cNvPr>
            <p:cNvSpPr/>
            <p:nvPr/>
          </p:nvSpPr>
          <p:spPr>
            <a:xfrm>
              <a:off x="205385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4" name="Freeform: Shape 843">
              <a:extLst>
                <a:ext uri="{FF2B5EF4-FFF2-40B4-BE49-F238E27FC236}">
                  <a16:creationId xmlns:a16="http://schemas.microsoft.com/office/drawing/2014/main" id="{6660480E-A92A-4749-BB8C-EFFD5AB49BBE}"/>
                </a:ext>
              </a:extLst>
            </p:cNvPr>
            <p:cNvSpPr/>
            <p:nvPr/>
          </p:nvSpPr>
          <p:spPr>
            <a:xfrm>
              <a:off x="205385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5" name="Freeform: Shape 844">
              <a:extLst>
                <a:ext uri="{FF2B5EF4-FFF2-40B4-BE49-F238E27FC236}">
                  <a16:creationId xmlns:a16="http://schemas.microsoft.com/office/drawing/2014/main" id="{7128BED6-4374-4590-89CE-B4675CD9F433}"/>
                </a:ext>
              </a:extLst>
            </p:cNvPr>
            <p:cNvSpPr/>
            <p:nvPr/>
          </p:nvSpPr>
          <p:spPr>
            <a:xfrm>
              <a:off x="4621389"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6" name="Freeform: Shape 845">
              <a:extLst>
                <a:ext uri="{FF2B5EF4-FFF2-40B4-BE49-F238E27FC236}">
                  <a16:creationId xmlns:a16="http://schemas.microsoft.com/office/drawing/2014/main" id="{E3FDEB37-20C6-4E97-BF6A-72269357DB32}"/>
                </a:ext>
              </a:extLst>
            </p:cNvPr>
            <p:cNvSpPr/>
            <p:nvPr/>
          </p:nvSpPr>
          <p:spPr>
            <a:xfrm>
              <a:off x="4621389"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7" name="Freeform: Shape 846">
              <a:extLst>
                <a:ext uri="{FF2B5EF4-FFF2-40B4-BE49-F238E27FC236}">
                  <a16:creationId xmlns:a16="http://schemas.microsoft.com/office/drawing/2014/main" id="{AF6F21E1-82AA-4EE4-80FD-623AFACA3CB4}"/>
                </a:ext>
              </a:extLst>
            </p:cNvPr>
            <p:cNvSpPr/>
            <p:nvPr/>
          </p:nvSpPr>
          <p:spPr>
            <a:xfrm>
              <a:off x="4621389"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8" name="Freeform: Shape 847">
              <a:extLst>
                <a:ext uri="{FF2B5EF4-FFF2-40B4-BE49-F238E27FC236}">
                  <a16:creationId xmlns:a16="http://schemas.microsoft.com/office/drawing/2014/main" id="{B7711CEE-2DC1-4C01-A3B7-B4483EFE5BF1}"/>
                </a:ext>
              </a:extLst>
            </p:cNvPr>
            <p:cNvSpPr/>
            <p:nvPr/>
          </p:nvSpPr>
          <p:spPr>
            <a:xfrm>
              <a:off x="219645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9" name="Freeform: Shape 848">
              <a:extLst>
                <a:ext uri="{FF2B5EF4-FFF2-40B4-BE49-F238E27FC236}">
                  <a16:creationId xmlns:a16="http://schemas.microsoft.com/office/drawing/2014/main" id="{0297294F-4D05-48FE-9837-43A5800561FA}"/>
                </a:ext>
              </a:extLst>
            </p:cNvPr>
            <p:cNvSpPr/>
            <p:nvPr/>
          </p:nvSpPr>
          <p:spPr>
            <a:xfrm>
              <a:off x="476406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0" name="Freeform: Shape 849">
              <a:extLst>
                <a:ext uri="{FF2B5EF4-FFF2-40B4-BE49-F238E27FC236}">
                  <a16:creationId xmlns:a16="http://schemas.microsoft.com/office/drawing/2014/main" id="{42D4C426-27C5-4CE4-AFAA-63F839FE54B9}"/>
                </a:ext>
              </a:extLst>
            </p:cNvPr>
            <p:cNvSpPr/>
            <p:nvPr/>
          </p:nvSpPr>
          <p:spPr>
            <a:xfrm>
              <a:off x="219645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1" name="Freeform: Shape 850">
              <a:extLst>
                <a:ext uri="{FF2B5EF4-FFF2-40B4-BE49-F238E27FC236}">
                  <a16:creationId xmlns:a16="http://schemas.microsoft.com/office/drawing/2014/main" id="{3F2CB39A-FD42-44F6-A346-1E852A0C87A0}"/>
                </a:ext>
              </a:extLst>
            </p:cNvPr>
            <p:cNvSpPr/>
            <p:nvPr/>
          </p:nvSpPr>
          <p:spPr>
            <a:xfrm>
              <a:off x="219645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2" name="Freeform: Shape 851">
              <a:extLst>
                <a:ext uri="{FF2B5EF4-FFF2-40B4-BE49-F238E27FC236}">
                  <a16:creationId xmlns:a16="http://schemas.microsoft.com/office/drawing/2014/main" id="{5990B966-48ED-4B84-9273-244F174D60B5}"/>
                </a:ext>
              </a:extLst>
            </p:cNvPr>
            <p:cNvSpPr/>
            <p:nvPr/>
          </p:nvSpPr>
          <p:spPr>
            <a:xfrm>
              <a:off x="219645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3" name="Freeform: Shape 852">
              <a:extLst>
                <a:ext uri="{FF2B5EF4-FFF2-40B4-BE49-F238E27FC236}">
                  <a16:creationId xmlns:a16="http://schemas.microsoft.com/office/drawing/2014/main" id="{9F689D6B-B144-4A45-AC2E-486376DD0696}"/>
                </a:ext>
              </a:extLst>
            </p:cNvPr>
            <p:cNvSpPr/>
            <p:nvPr/>
          </p:nvSpPr>
          <p:spPr>
            <a:xfrm>
              <a:off x="476406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4" name="Freeform: Shape 853">
              <a:extLst>
                <a:ext uri="{FF2B5EF4-FFF2-40B4-BE49-F238E27FC236}">
                  <a16:creationId xmlns:a16="http://schemas.microsoft.com/office/drawing/2014/main" id="{BAEE4ABA-15B5-4E6E-934F-6C6FA100AB09}"/>
                </a:ext>
              </a:extLst>
            </p:cNvPr>
            <p:cNvSpPr/>
            <p:nvPr/>
          </p:nvSpPr>
          <p:spPr>
            <a:xfrm>
              <a:off x="476406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5" name="Freeform: Shape 854">
              <a:extLst>
                <a:ext uri="{FF2B5EF4-FFF2-40B4-BE49-F238E27FC236}">
                  <a16:creationId xmlns:a16="http://schemas.microsoft.com/office/drawing/2014/main" id="{F628676A-17C1-4284-8E43-5D301C945A67}"/>
                </a:ext>
              </a:extLst>
            </p:cNvPr>
            <p:cNvSpPr/>
            <p:nvPr/>
          </p:nvSpPr>
          <p:spPr>
            <a:xfrm>
              <a:off x="476406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6" name="Freeform: Shape 855">
              <a:extLst>
                <a:ext uri="{FF2B5EF4-FFF2-40B4-BE49-F238E27FC236}">
                  <a16:creationId xmlns:a16="http://schemas.microsoft.com/office/drawing/2014/main" id="{F4EE78F8-E63C-4E5F-BA5B-34B5E611D323}"/>
                </a:ext>
              </a:extLst>
            </p:cNvPr>
            <p:cNvSpPr/>
            <p:nvPr/>
          </p:nvSpPr>
          <p:spPr>
            <a:xfrm>
              <a:off x="233912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7" name="Freeform: Shape 856">
              <a:extLst>
                <a:ext uri="{FF2B5EF4-FFF2-40B4-BE49-F238E27FC236}">
                  <a16:creationId xmlns:a16="http://schemas.microsoft.com/office/drawing/2014/main" id="{D6F86757-2EC5-435F-86BB-A7D7D2FF4F4D}"/>
                </a:ext>
              </a:extLst>
            </p:cNvPr>
            <p:cNvSpPr/>
            <p:nvPr/>
          </p:nvSpPr>
          <p:spPr>
            <a:xfrm>
              <a:off x="490666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8" name="Freeform: Shape 857">
              <a:extLst>
                <a:ext uri="{FF2B5EF4-FFF2-40B4-BE49-F238E27FC236}">
                  <a16:creationId xmlns:a16="http://schemas.microsoft.com/office/drawing/2014/main" id="{D84902E9-57D8-4D83-9F49-720C52D40634}"/>
                </a:ext>
              </a:extLst>
            </p:cNvPr>
            <p:cNvSpPr/>
            <p:nvPr/>
          </p:nvSpPr>
          <p:spPr>
            <a:xfrm>
              <a:off x="233912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9" name="Freeform: Shape 858">
              <a:extLst>
                <a:ext uri="{FF2B5EF4-FFF2-40B4-BE49-F238E27FC236}">
                  <a16:creationId xmlns:a16="http://schemas.microsoft.com/office/drawing/2014/main" id="{963D2EC3-F79A-4185-AEC0-211131F160E5}"/>
                </a:ext>
              </a:extLst>
            </p:cNvPr>
            <p:cNvSpPr/>
            <p:nvPr/>
          </p:nvSpPr>
          <p:spPr>
            <a:xfrm>
              <a:off x="233912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0" name="Freeform: Shape 859">
              <a:extLst>
                <a:ext uri="{FF2B5EF4-FFF2-40B4-BE49-F238E27FC236}">
                  <a16:creationId xmlns:a16="http://schemas.microsoft.com/office/drawing/2014/main" id="{C1686580-00FA-41C7-B15B-3F77EBDCE6EA}"/>
                </a:ext>
              </a:extLst>
            </p:cNvPr>
            <p:cNvSpPr/>
            <p:nvPr/>
          </p:nvSpPr>
          <p:spPr>
            <a:xfrm>
              <a:off x="233912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1" name="Freeform: Shape 860">
              <a:extLst>
                <a:ext uri="{FF2B5EF4-FFF2-40B4-BE49-F238E27FC236}">
                  <a16:creationId xmlns:a16="http://schemas.microsoft.com/office/drawing/2014/main" id="{810AF588-7FC0-4F64-AB9C-6BD51CDF3360}"/>
                </a:ext>
              </a:extLst>
            </p:cNvPr>
            <p:cNvSpPr/>
            <p:nvPr/>
          </p:nvSpPr>
          <p:spPr>
            <a:xfrm>
              <a:off x="490666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2" name="Freeform: Shape 861">
              <a:extLst>
                <a:ext uri="{FF2B5EF4-FFF2-40B4-BE49-F238E27FC236}">
                  <a16:creationId xmlns:a16="http://schemas.microsoft.com/office/drawing/2014/main" id="{37E176EE-EABE-4929-AD74-7BF17B573631}"/>
                </a:ext>
              </a:extLst>
            </p:cNvPr>
            <p:cNvSpPr/>
            <p:nvPr/>
          </p:nvSpPr>
          <p:spPr>
            <a:xfrm>
              <a:off x="490666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3" name="Freeform: Shape 862">
              <a:extLst>
                <a:ext uri="{FF2B5EF4-FFF2-40B4-BE49-F238E27FC236}">
                  <a16:creationId xmlns:a16="http://schemas.microsoft.com/office/drawing/2014/main" id="{98940014-7788-4596-9C57-C81C8A32F556}"/>
                </a:ext>
              </a:extLst>
            </p:cNvPr>
            <p:cNvSpPr/>
            <p:nvPr/>
          </p:nvSpPr>
          <p:spPr>
            <a:xfrm>
              <a:off x="490666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4" name="Freeform: Shape 863">
              <a:extLst>
                <a:ext uri="{FF2B5EF4-FFF2-40B4-BE49-F238E27FC236}">
                  <a16:creationId xmlns:a16="http://schemas.microsoft.com/office/drawing/2014/main" id="{181A2E34-3513-4384-98B7-6B1D123A46B9}"/>
                </a:ext>
              </a:extLst>
            </p:cNvPr>
            <p:cNvSpPr/>
            <p:nvPr/>
          </p:nvSpPr>
          <p:spPr>
            <a:xfrm>
              <a:off x="24817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5" name="Freeform: Shape 864">
              <a:extLst>
                <a:ext uri="{FF2B5EF4-FFF2-40B4-BE49-F238E27FC236}">
                  <a16:creationId xmlns:a16="http://schemas.microsoft.com/office/drawing/2014/main" id="{50BD3A1F-7B9E-442B-A08F-17EF0A1CA416}"/>
                </a:ext>
              </a:extLst>
            </p:cNvPr>
            <p:cNvSpPr/>
            <p:nvPr/>
          </p:nvSpPr>
          <p:spPr>
            <a:xfrm>
              <a:off x="24817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6" name="Freeform: Shape 865">
              <a:extLst>
                <a:ext uri="{FF2B5EF4-FFF2-40B4-BE49-F238E27FC236}">
                  <a16:creationId xmlns:a16="http://schemas.microsoft.com/office/drawing/2014/main" id="{5BDBB410-F33C-4268-87F1-B2F87DB9A27D}"/>
                </a:ext>
              </a:extLst>
            </p:cNvPr>
            <p:cNvSpPr/>
            <p:nvPr/>
          </p:nvSpPr>
          <p:spPr>
            <a:xfrm>
              <a:off x="24817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7" name="Freeform: Shape 866">
              <a:extLst>
                <a:ext uri="{FF2B5EF4-FFF2-40B4-BE49-F238E27FC236}">
                  <a16:creationId xmlns:a16="http://schemas.microsoft.com/office/drawing/2014/main" id="{BD19F2CB-5E46-4887-8A9E-478666765288}"/>
                </a:ext>
              </a:extLst>
            </p:cNvPr>
            <p:cNvSpPr/>
            <p:nvPr/>
          </p:nvSpPr>
          <p:spPr>
            <a:xfrm>
              <a:off x="24817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8" name="Freeform: Shape 867">
              <a:extLst>
                <a:ext uri="{FF2B5EF4-FFF2-40B4-BE49-F238E27FC236}">
                  <a16:creationId xmlns:a16="http://schemas.microsoft.com/office/drawing/2014/main" id="{980C9EB8-3771-4576-8A61-C962569C37F2}"/>
                </a:ext>
              </a:extLst>
            </p:cNvPr>
            <p:cNvSpPr/>
            <p:nvPr/>
          </p:nvSpPr>
          <p:spPr>
            <a:xfrm>
              <a:off x="262439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9" name="Freeform: Shape 868">
              <a:extLst>
                <a:ext uri="{FF2B5EF4-FFF2-40B4-BE49-F238E27FC236}">
                  <a16:creationId xmlns:a16="http://schemas.microsoft.com/office/drawing/2014/main" id="{688CE1B3-BC70-452E-A6D2-F2C0AE6B43F2}"/>
                </a:ext>
              </a:extLst>
            </p:cNvPr>
            <p:cNvSpPr/>
            <p:nvPr/>
          </p:nvSpPr>
          <p:spPr>
            <a:xfrm>
              <a:off x="262439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0" name="Freeform: Shape 869">
              <a:extLst>
                <a:ext uri="{FF2B5EF4-FFF2-40B4-BE49-F238E27FC236}">
                  <a16:creationId xmlns:a16="http://schemas.microsoft.com/office/drawing/2014/main" id="{552C5AE6-C329-4D73-A84D-9B16B41773F0}"/>
                </a:ext>
              </a:extLst>
            </p:cNvPr>
            <p:cNvSpPr/>
            <p:nvPr/>
          </p:nvSpPr>
          <p:spPr>
            <a:xfrm>
              <a:off x="262439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1" name="Freeform: Shape 870">
              <a:extLst>
                <a:ext uri="{FF2B5EF4-FFF2-40B4-BE49-F238E27FC236}">
                  <a16:creationId xmlns:a16="http://schemas.microsoft.com/office/drawing/2014/main" id="{7D15C064-9B9E-41DA-906D-AA1A6F6E3ADC}"/>
                </a:ext>
              </a:extLst>
            </p:cNvPr>
            <p:cNvSpPr/>
            <p:nvPr/>
          </p:nvSpPr>
          <p:spPr>
            <a:xfrm>
              <a:off x="262439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2" name="Freeform: Shape 871">
              <a:extLst>
                <a:ext uri="{FF2B5EF4-FFF2-40B4-BE49-F238E27FC236}">
                  <a16:creationId xmlns:a16="http://schemas.microsoft.com/office/drawing/2014/main" id="{B544968A-A9B0-48B5-BE84-5C5E4497696C}"/>
                </a:ext>
              </a:extLst>
            </p:cNvPr>
            <p:cNvSpPr/>
            <p:nvPr/>
          </p:nvSpPr>
          <p:spPr>
            <a:xfrm>
              <a:off x="2767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3" name="Freeform: Shape 872">
              <a:extLst>
                <a:ext uri="{FF2B5EF4-FFF2-40B4-BE49-F238E27FC236}">
                  <a16:creationId xmlns:a16="http://schemas.microsoft.com/office/drawing/2014/main" id="{E385463A-41E9-4348-9685-9B76AD4D353D}"/>
                </a:ext>
              </a:extLst>
            </p:cNvPr>
            <p:cNvSpPr/>
            <p:nvPr/>
          </p:nvSpPr>
          <p:spPr>
            <a:xfrm>
              <a:off x="2767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4" name="Freeform: Shape 873">
              <a:extLst>
                <a:ext uri="{FF2B5EF4-FFF2-40B4-BE49-F238E27FC236}">
                  <a16:creationId xmlns:a16="http://schemas.microsoft.com/office/drawing/2014/main" id="{15D43192-8471-4C5C-A6DB-60BDE951F3B6}"/>
                </a:ext>
              </a:extLst>
            </p:cNvPr>
            <p:cNvSpPr/>
            <p:nvPr/>
          </p:nvSpPr>
          <p:spPr>
            <a:xfrm>
              <a:off x="2767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5" name="Freeform: Shape 874">
              <a:extLst>
                <a:ext uri="{FF2B5EF4-FFF2-40B4-BE49-F238E27FC236}">
                  <a16:creationId xmlns:a16="http://schemas.microsoft.com/office/drawing/2014/main" id="{7D052CE3-8D1D-40A6-899C-9DFF31D90C5D}"/>
                </a:ext>
              </a:extLst>
            </p:cNvPr>
            <p:cNvSpPr/>
            <p:nvPr/>
          </p:nvSpPr>
          <p:spPr>
            <a:xfrm>
              <a:off x="2767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6" name="Freeform: Shape 875">
              <a:extLst>
                <a:ext uri="{FF2B5EF4-FFF2-40B4-BE49-F238E27FC236}">
                  <a16:creationId xmlns:a16="http://schemas.microsoft.com/office/drawing/2014/main" id="{25F1DBFC-5D6D-40D4-8B1F-CEAD14768DE6}"/>
                </a:ext>
              </a:extLst>
            </p:cNvPr>
            <p:cNvSpPr/>
            <p:nvPr/>
          </p:nvSpPr>
          <p:spPr>
            <a:xfrm>
              <a:off x="290967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7" name="Freeform: Shape 876">
              <a:extLst>
                <a:ext uri="{FF2B5EF4-FFF2-40B4-BE49-F238E27FC236}">
                  <a16:creationId xmlns:a16="http://schemas.microsoft.com/office/drawing/2014/main" id="{55E3AE1B-1B63-4BEF-A327-5C9BFDB5B310}"/>
                </a:ext>
              </a:extLst>
            </p:cNvPr>
            <p:cNvSpPr/>
            <p:nvPr/>
          </p:nvSpPr>
          <p:spPr>
            <a:xfrm>
              <a:off x="290967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8" name="Freeform: Shape 877">
              <a:extLst>
                <a:ext uri="{FF2B5EF4-FFF2-40B4-BE49-F238E27FC236}">
                  <a16:creationId xmlns:a16="http://schemas.microsoft.com/office/drawing/2014/main" id="{D5C02D53-BD48-4772-AAE3-6ADF01D9F4AF}"/>
                </a:ext>
              </a:extLst>
            </p:cNvPr>
            <p:cNvSpPr/>
            <p:nvPr/>
          </p:nvSpPr>
          <p:spPr>
            <a:xfrm>
              <a:off x="290967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9" name="Freeform: Shape 878">
              <a:extLst>
                <a:ext uri="{FF2B5EF4-FFF2-40B4-BE49-F238E27FC236}">
                  <a16:creationId xmlns:a16="http://schemas.microsoft.com/office/drawing/2014/main" id="{101686CC-4B91-4D77-85DC-D29209B2F89F}"/>
                </a:ext>
              </a:extLst>
            </p:cNvPr>
            <p:cNvSpPr/>
            <p:nvPr/>
          </p:nvSpPr>
          <p:spPr>
            <a:xfrm>
              <a:off x="290967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0" name="Freeform: Shape 879">
              <a:extLst>
                <a:ext uri="{FF2B5EF4-FFF2-40B4-BE49-F238E27FC236}">
                  <a16:creationId xmlns:a16="http://schemas.microsoft.com/office/drawing/2014/main" id="{5BA27A01-562C-4A2A-9F23-6A59F803FAE7}"/>
                </a:ext>
              </a:extLst>
            </p:cNvPr>
            <p:cNvSpPr/>
            <p:nvPr/>
          </p:nvSpPr>
          <p:spPr>
            <a:xfrm>
              <a:off x="305234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1" name="Freeform: Shape 880">
              <a:extLst>
                <a:ext uri="{FF2B5EF4-FFF2-40B4-BE49-F238E27FC236}">
                  <a16:creationId xmlns:a16="http://schemas.microsoft.com/office/drawing/2014/main" id="{756FCA17-118A-4A43-9122-DEFB4E2F86B2}"/>
                </a:ext>
              </a:extLst>
            </p:cNvPr>
            <p:cNvSpPr/>
            <p:nvPr/>
          </p:nvSpPr>
          <p:spPr>
            <a:xfrm>
              <a:off x="305234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2" name="Freeform: Shape 881">
              <a:extLst>
                <a:ext uri="{FF2B5EF4-FFF2-40B4-BE49-F238E27FC236}">
                  <a16:creationId xmlns:a16="http://schemas.microsoft.com/office/drawing/2014/main" id="{7324A662-54D5-4782-9149-30E908480F76}"/>
                </a:ext>
              </a:extLst>
            </p:cNvPr>
            <p:cNvSpPr/>
            <p:nvPr/>
          </p:nvSpPr>
          <p:spPr>
            <a:xfrm>
              <a:off x="305234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3" name="Freeform: Shape 882">
              <a:extLst>
                <a:ext uri="{FF2B5EF4-FFF2-40B4-BE49-F238E27FC236}">
                  <a16:creationId xmlns:a16="http://schemas.microsoft.com/office/drawing/2014/main" id="{95CDD55D-4360-4B69-ADA7-8698222B5025}"/>
                </a:ext>
              </a:extLst>
            </p:cNvPr>
            <p:cNvSpPr/>
            <p:nvPr/>
          </p:nvSpPr>
          <p:spPr>
            <a:xfrm>
              <a:off x="305234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4" name="Freeform: Shape 883">
              <a:extLst>
                <a:ext uri="{FF2B5EF4-FFF2-40B4-BE49-F238E27FC236}">
                  <a16:creationId xmlns:a16="http://schemas.microsoft.com/office/drawing/2014/main" id="{AC798404-ECCA-418B-971E-DDCC381B2631}"/>
                </a:ext>
              </a:extLst>
            </p:cNvPr>
            <p:cNvSpPr/>
            <p:nvPr/>
          </p:nvSpPr>
          <p:spPr>
            <a:xfrm>
              <a:off x="319494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5" name="Freeform: Shape 884">
              <a:extLst>
                <a:ext uri="{FF2B5EF4-FFF2-40B4-BE49-F238E27FC236}">
                  <a16:creationId xmlns:a16="http://schemas.microsoft.com/office/drawing/2014/main" id="{99E7AACC-D298-400B-B329-BC7C4F1AEB03}"/>
                </a:ext>
              </a:extLst>
            </p:cNvPr>
            <p:cNvSpPr/>
            <p:nvPr/>
          </p:nvSpPr>
          <p:spPr>
            <a:xfrm>
              <a:off x="319494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6" name="Freeform: Shape 885">
              <a:extLst>
                <a:ext uri="{FF2B5EF4-FFF2-40B4-BE49-F238E27FC236}">
                  <a16:creationId xmlns:a16="http://schemas.microsoft.com/office/drawing/2014/main" id="{8409EB2A-DC83-4734-ACCF-10599AE2A5FD}"/>
                </a:ext>
              </a:extLst>
            </p:cNvPr>
            <p:cNvSpPr/>
            <p:nvPr/>
          </p:nvSpPr>
          <p:spPr>
            <a:xfrm>
              <a:off x="319494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7" name="Freeform: Shape 886">
              <a:extLst>
                <a:ext uri="{FF2B5EF4-FFF2-40B4-BE49-F238E27FC236}">
                  <a16:creationId xmlns:a16="http://schemas.microsoft.com/office/drawing/2014/main" id="{FB245EE9-F005-4F49-9DD7-4EFBD53B9D20}"/>
                </a:ext>
              </a:extLst>
            </p:cNvPr>
            <p:cNvSpPr/>
            <p:nvPr/>
          </p:nvSpPr>
          <p:spPr>
            <a:xfrm>
              <a:off x="319494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8" name="Freeform: Shape 887">
              <a:extLst>
                <a:ext uri="{FF2B5EF4-FFF2-40B4-BE49-F238E27FC236}">
                  <a16:creationId xmlns:a16="http://schemas.microsoft.com/office/drawing/2014/main" id="{C6FBE0C9-23EC-4E5F-853F-732D5E61FA1F}"/>
                </a:ext>
              </a:extLst>
            </p:cNvPr>
            <p:cNvSpPr/>
            <p:nvPr/>
          </p:nvSpPr>
          <p:spPr>
            <a:xfrm>
              <a:off x="333762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9" name="Freeform: Shape 888">
              <a:extLst>
                <a:ext uri="{FF2B5EF4-FFF2-40B4-BE49-F238E27FC236}">
                  <a16:creationId xmlns:a16="http://schemas.microsoft.com/office/drawing/2014/main" id="{0EB53203-49F2-45F5-BB5E-B9D3A7BA723D}"/>
                </a:ext>
              </a:extLst>
            </p:cNvPr>
            <p:cNvSpPr/>
            <p:nvPr/>
          </p:nvSpPr>
          <p:spPr>
            <a:xfrm>
              <a:off x="333762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0" name="Freeform: Shape 889">
              <a:extLst>
                <a:ext uri="{FF2B5EF4-FFF2-40B4-BE49-F238E27FC236}">
                  <a16:creationId xmlns:a16="http://schemas.microsoft.com/office/drawing/2014/main" id="{8CBBB3F5-5033-4513-A6D9-1175A005C8DA}"/>
                </a:ext>
              </a:extLst>
            </p:cNvPr>
            <p:cNvSpPr/>
            <p:nvPr/>
          </p:nvSpPr>
          <p:spPr>
            <a:xfrm>
              <a:off x="333762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1" name="Freeform: Shape 890">
              <a:extLst>
                <a:ext uri="{FF2B5EF4-FFF2-40B4-BE49-F238E27FC236}">
                  <a16:creationId xmlns:a16="http://schemas.microsoft.com/office/drawing/2014/main" id="{DBE2E459-8FFC-4E01-8840-A55554A07315}"/>
                </a:ext>
              </a:extLst>
            </p:cNvPr>
            <p:cNvSpPr/>
            <p:nvPr/>
          </p:nvSpPr>
          <p:spPr>
            <a:xfrm>
              <a:off x="333762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2" name="Freeform: Shape 891">
              <a:extLst>
                <a:ext uri="{FF2B5EF4-FFF2-40B4-BE49-F238E27FC236}">
                  <a16:creationId xmlns:a16="http://schemas.microsoft.com/office/drawing/2014/main" id="{4C44B840-6C74-463D-BB7E-57AF8C047CA5}"/>
                </a:ext>
              </a:extLst>
            </p:cNvPr>
            <p:cNvSpPr/>
            <p:nvPr/>
          </p:nvSpPr>
          <p:spPr>
            <a:xfrm>
              <a:off x="105535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3" name="Freeform: Shape 892">
              <a:extLst>
                <a:ext uri="{FF2B5EF4-FFF2-40B4-BE49-F238E27FC236}">
                  <a16:creationId xmlns:a16="http://schemas.microsoft.com/office/drawing/2014/main" id="{43C9EC05-7F21-4FEA-87A7-ABE907C8B56F}"/>
                </a:ext>
              </a:extLst>
            </p:cNvPr>
            <p:cNvSpPr/>
            <p:nvPr/>
          </p:nvSpPr>
          <p:spPr>
            <a:xfrm>
              <a:off x="362289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4" name="Freeform: Shape 893">
              <a:extLst>
                <a:ext uri="{FF2B5EF4-FFF2-40B4-BE49-F238E27FC236}">
                  <a16:creationId xmlns:a16="http://schemas.microsoft.com/office/drawing/2014/main" id="{587CE760-4F1A-4F03-BDB6-117B87A1993B}"/>
                </a:ext>
              </a:extLst>
            </p:cNvPr>
            <p:cNvSpPr/>
            <p:nvPr/>
          </p:nvSpPr>
          <p:spPr>
            <a:xfrm>
              <a:off x="105535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5" name="Freeform: Shape 894">
              <a:extLst>
                <a:ext uri="{FF2B5EF4-FFF2-40B4-BE49-F238E27FC236}">
                  <a16:creationId xmlns:a16="http://schemas.microsoft.com/office/drawing/2014/main" id="{4C58FCE0-B2E9-42B3-B471-C7C314D908E3}"/>
                </a:ext>
              </a:extLst>
            </p:cNvPr>
            <p:cNvSpPr/>
            <p:nvPr/>
          </p:nvSpPr>
          <p:spPr>
            <a:xfrm>
              <a:off x="105535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6" name="Freeform: Shape 895">
              <a:extLst>
                <a:ext uri="{FF2B5EF4-FFF2-40B4-BE49-F238E27FC236}">
                  <a16:creationId xmlns:a16="http://schemas.microsoft.com/office/drawing/2014/main" id="{71CFEA5C-0BC9-4C62-BB26-A071B2446252}"/>
                </a:ext>
              </a:extLst>
            </p:cNvPr>
            <p:cNvSpPr/>
            <p:nvPr/>
          </p:nvSpPr>
          <p:spPr>
            <a:xfrm>
              <a:off x="105535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7" name="Freeform: Shape 896">
              <a:extLst>
                <a:ext uri="{FF2B5EF4-FFF2-40B4-BE49-F238E27FC236}">
                  <a16:creationId xmlns:a16="http://schemas.microsoft.com/office/drawing/2014/main" id="{C6E2CDC1-E1E2-4F13-89EB-70BC5F5EBF03}"/>
                </a:ext>
              </a:extLst>
            </p:cNvPr>
            <p:cNvSpPr/>
            <p:nvPr/>
          </p:nvSpPr>
          <p:spPr>
            <a:xfrm>
              <a:off x="362289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8" name="Freeform: Shape 897">
              <a:extLst>
                <a:ext uri="{FF2B5EF4-FFF2-40B4-BE49-F238E27FC236}">
                  <a16:creationId xmlns:a16="http://schemas.microsoft.com/office/drawing/2014/main" id="{C28CFF3C-7D40-4585-BF88-E080E8385840}"/>
                </a:ext>
              </a:extLst>
            </p:cNvPr>
            <p:cNvSpPr/>
            <p:nvPr/>
          </p:nvSpPr>
          <p:spPr>
            <a:xfrm>
              <a:off x="362289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9" name="Freeform: Shape 898">
              <a:extLst>
                <a:ext uri="{FF2B5EF4-FFF2-40B4-BE49-F238E27FC236}">
                  <a16:creationId xmlns:a16="http://schemas.microsoft.com/office/drawing/2014/main" id="{2D61B68B-DA86-45F8-813F-A389C968EF77}"/>
                </a:ext>
              </a:extLst>
            </p:cNvPr>
            <p:cNvSpPr/>
            <p:nvPr/>
          </p:nvSpPr>
          <p:spPr>
            <a:xfrm>
              <a:off x="362289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0" name="Freeform: Shape 899">
              <a:extLst>
                <a:ext uri="{FF2B5EF4-FFF2-40B4-BE49-F238E27FC236}">
                  <a16:creationId xmlns:a16="http://schemas.microsoft.com/office/drawing/2014/main" id="{7C0B32C7-B08E-4DC8-A2EF-90173D1664BC}"/>
                </a:ext>
              </a:extLst>
            </p:cNvPr>
            <p:cNvSpPr/>
            <p:nvPr/>
          </p:nvSpPr>
          <p:spPr>
            <a:xfrm>
              <a:off x="433611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1" name="Freeform: Shape 900">
              <a:extLst>
                <a:ext uri="{FF2B5EF4-FFF2-40B4-BE49-F238E27FC236}">
                  <a16:creationId xmlns:a16="http://schemas.microsoft.com/office/drawing/2014/main" id="{375AF5F3-5A05-4437-8E4F-FF23A6C04821}"/>
                </a:ext>
              </a:extLst>
            </p:cNvPr>
            <p:cNvSpPr/>
            <p:nvPr/>
          </p:nvSpPr>
          <p:spPr>
            <a:xfrm>
              <a:off x="5796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2" name="Freeform: Shape 901">
              <a:extLst>
                <a:ext uri="{FF2B5EF4-FFF2-40B4-BE49-F238E27FC236}">
                  <a16:creationId xmlns:a16="http://schemas.microsoft.com/office/drawing/2014/main" id="{A8B23A5C-026F-402B-8F7F-5E9F8A583E63}"/>
                </a:ext>
              </a:extLst>
            </p:cNvPr>
            <p:cNvSpPr/>
            <p:nvPr/>
          </p:nvSpPr>
          <p:spPr>
            <a:xfrm>
              <a:off x="5796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3" name="Freeform: Shape 902">
              <a:extLst>
                <a:ext uri="{FF2B5EF4-FFF2-40B4-BE49-F238E27FC236}">
                  <a16:creationId xmlns:a16="http://schemas.microsoft.com/office/drawing/2014/main" id="{7F6CA2C8-7B51-4BE3-BD01-CCF8DF7F116A}"/>
                </a:ext>
              </a:extLst>
            </p:cNvPr>
            <p:cNvSpPr/>
            <p:nvPr/>
          </p:nvSpPr>
          <p:spPr>
            <a:xfrm>
              <a:off x="5796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4" name="Freeform: Shape 903">
              <a:extLst>
                <a:ext uri="{FF2B5EF4-FFF2-40B4-BE49-F238E27FC236}">
                  <a16:creationId xmlns:a16="http://schemas.microsoft.com/office/drawing/2014/main" id="{29F96600-B88D-4993-A53B-3C4D2D8752DE}"/>
                </a:ext>
              </a:extLst>
            </p:cNvPr>
            <p:cNvSpPr/>
            <p:nvPr/>
          </p:nvSpPr>
          <p:spPr>
            <a:xfrm>
              <a:off x="5796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5" name="Freeform: Shape 904">
              <a:extLst>
                <a:ext uri="{FF2B5EF4-FFF2-40B4-BE49-F238E27FC236}">
                  <a16:creationId xmlns:a16="http://schemas.microsoft.com/office/drawing/2014/main" id="{ED8117D8-1CF2-4F73-AE84-4FC83191C945}"/>
                </a:ext>
              </a:extLst>
            </p:cNvPr>
            <p:cNvSpPr/>
            <p:nvPr/>
          </p:nvSpPr>
          <p:spPr>
            <a:xfrm>
              <a:off x="20063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6" name="Freeform: Shape 905">
              <a:extLst>
                <a:ext uri="{FF2B5EF4-FFF2-40B4-BE49-F238E27FC236}">
                  <a16:creationId xmlns:a16="http://schemas.microsoft.com/office/drawing/2014/main" id="{C99E34F5-B917-4D14-B8E1-1A02F5364878}"/>
                </a:ext>
              </a:extLst>
            </p:cNvPr>
            <p:cNvSpPr/>
            <p:nvPr/>
          </p:nvSpPr>
          <p:spPr>
            <a:xfrm>
              <a:off x="20063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7" name="Freeform: Shape 906">
              <a:extLst>
                <a:ext uri="{FF2B5EF4-FFF2-40B4-BE49-F238E27FC236}">
                  <a16:creationId xmlns:a16="http://schemas.microsoft.com/office/drawing/2014/main" id="{D390F972-38CA-4EBE-BAFD-7D0F813F4EAA}"/>
                </a:ext>
              </a:extLst>
            </p:cNvPr>
            <p:cNvSpPr/>
            <p:nvPr/>
          </p:nvSpPr>
          <p:spPr>
            <a:xfrm>
              <a:off x="20063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8" name="Freeform: Shape 907">
              <a:extLst>
                <a:ext uri="{FF2B5EF4-FFF2-40B4-BE49-F238E27FC236}">
                  <a16:creationId xmlns:a16="http://schemas.microsoft.com/office/drawing/2014/main" id="{6EAE91E7-5A44-491E-8702-CE331227F2D9}"/>
                </a:ext>
              </a:extLst>
            </p:cNvPr>
            <p:cNvSpPr/>
            <p:nvPr/>
          </p:nvSpPr>
          <p:spPr>
            <a:xfrm>
              <a:off x="3432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9" name="Freeform: Shape 908">
              <a:extLst>
                <a:ext uri="{FF2B5EF4-FFF2-40B4-BE49-F238E27FC236}">
                  <a16:creationId xmlns:a16="http://schemas.microsoft.com/office/drawing/2014/main" id="{700FA56A-C9BE-4294-9B85-2A9E535382B5}"/>
                </a:ext>
              </a:extLst>
            </p:cNvPr>
            <p:cNvSpPr/>
            <p:nvPr/>
          </p:nvSpPr>
          <p:spPr>
            <a:xfrm>
              <a:off x="3432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0" name="Freeform: Shape 909">
              <a:extLst>
                <a:ext uri="{FF2B5EF4-FFF2-40B4-BE49-F238E27FC236}">
                  <a16:creationId xmlns:a16="http://schemas.microsoft.com/office/drawing/2014/main" id="{6A42420D-4DBC-44C9-B6EF-F8C968C5571E}"/>
                </a:ext>
              </a:extLst>
            </p:cNvPr>
            <p:cNvSpPr/>
            <p:nvPr/>
          </p:nvSpPr>
          <p:spPr>
            <a:xfrm>
              <a:off x="3432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1" name="Freeform: Shape 910">
              <a:extLst>
                <a:ext uri="{FF2B5EF4-FFF2-40B4-BE49-F238E27FC236}">
                  <a16:creationId xmlns:a16="http://schemas.microsoft.com/office/drawing/2014/main" id="{3B894FE5-7282-440F-B3BD-DE4F9A562555}"/>
                </a:ext>
              </a:extLst>
            </p:cNvPr>
            <p:cNvSpPr/>
            <p:nvPr/>
          </p:nvSpPr>
          <p:spPr>
            <a:xfrm>
              <a:off x="3432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2" name="Freeform: Shape 911">
              <a:extLst>
                <a:ext uri="{FF2B5EF4-FFF2-40B4-BE49-F238E27FC236}">
                  <a16:creationId xmlns:a16="http://schemas.microsoft.com/office/drawing/2014/main" id="{50569F85-9ED1-4663-A8B4-CB10E649F5CA}"/>
                </a:ext>
              </a:extLst>
            </p:cNvPr>
            <p:cNvSpPr/>
            <p:nvPr/>
          </p:nvSpPr>
          <p:spPr>
            <a:xfrm>
              <a:off x="485911"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3" name="Freeform: Shape 912">
              <a:extLst>
                <a:ext uri="{FF2B5EF4-FFF2-40B4-BE49-F238E27FC236}">
                  <a16:creationId xmlns:a16="http://schemas.microsoft.com/office/drawing/2014/main" id="{EEB3632A-8A46-4197-843E-85495BB838E8}"/>
                </a:ext>
              </a:extLst>
            </p:cNvPr>
            <p:cNvSpPr/>
            <p:nvPr/>
          </p:nvSpPr>
          <p:spPr>
            <a:xfrm>
              <a:off x="485911"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4" name="Freeform: Shape 913">
              <a:extLst>
                <a:ext uri="{FF2B5EF4-FFF2-40B4-BE49-F238E27FC236}">
                  <a16:creationId xmlns:a16="http://schemas.microsoft.com/office/drawing/2014/main" id="{1D1FCCE9-9666-4814-B17F-96392D98AAA0}"/>
                </a:ext>
              </a:extLst>
            </p:cNvPr>
            <p:cNvSpPr/>
            <p:nvPr/>
          </p:nvSpPr>
          <p:spPr>
            <a:xfrm>
              <a:off x="485911"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5" name="Freeform: Shape 914">
              <a:extLst>
                <a:ext uri="{FF2B5EF4-FFF2-40B4-BE49-F238E27FC236}">
                  <a16:creationId xmlns:a16="http://schemas.microsoft.com/office/drawing/2014/main" id="{7F5443F5-17E5-403C-96DB-4C85E4F08444}"/>
                </a:ext>
              </a:extLst>
            </p:cNvPr>
            <p:cNvSpPr/>
            <p:nvPr/>
          </p:nvSpPr>
          <p:spPr>
            <a:xfrm>
              <a:off x="485911"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6" name="Freeform: Shape 915">
              <a:extLst>
                <a:ext uri="{FF2B5EF4-FFF2-40B4-BE49-F238E27FC236}">
                  <a16:creationId xmlns:a16="http://schemas.microsoft.com/office/drawing/2014/main" id="{C7B243CB-71BD-4465-8BD7-D915993F661D}"/>
                </a:ext>
              </a:extLst>
            </p:cNvPr>
            <p:cNvSpPr/>
            <p:nvPr/>
          </p:nvSpPr>
          <p:spPr>
            <a:xfrm>
              <a:off x="62858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7" name="Freeform: Shape 916">
              <a:extLst>
                <a:ext uri="{FF2B5EF4-FFF2-40B4-BE49-F238E27FC236}">
                  <a16:creationId xmlns:a16="http://schemas.microsoft.com/office/drawing/2014/main" id="{86D8B143-01B8-492D-9B8D-821DF707335C}"/>
                </a:ext>
              </a:extLst>
            </p:cNvPr>
            <p:cNvSpPr/>
            <p:nvPr/>
          </p:nvSpPr>
          <p:spPr>
            <a:xfrm>
              <a:off x="62858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8" name="Freeform: Shape 917">
              <a:extLst>
                <a:ext uri="{FF2B5EF4-FFF2-40B4-BE49-F238E27FC236}">
                  <a16:creationId xmlns:a16="http://schemas.microsoft.com/office/drawing/2014/main" id="{F2D9D993-F9EE-4AA3-ACC8-16067E88E17E}"/>
                </a:ext>
              </a:extLst>
            </p:cNvPr>
            <p:cNvSpPr/>
            <p:nvPr/>
          </p:nvSpPr>
          <p:spPr>
            <a:xfrm>
              <a:off x="62858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9" name="Freeform: Shape 918">
              <a:extLst>
                <a:ext uri="{FF2B5EF4-FFF2-40B4-BE49-F238E27FC236}">
                  <a16:creationId xmlns:a16="http://schemas.microsoft.com/office/drawing/2014/main" id="{832F6A35-320D-4BB2-9850-E9A1D7A075D5}"/>
                </a:ext>
              </a:extLst>
            </p:cNvPr>
            <p:cNvSpPr/>
            <p:nvPr/>
          </p:nvSpPr>
          <p:spPr>
            <a:xfrm>
              <a:off x="62858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0" name="Freeform: Shape 919">
              <a:extLst>
                <a:ext uri="{FF2B5EF4-FFF2-40B4-BE49-F238E27FC236}">
                  <a16:creationId xmlns:a16="http://schemas.microsoft.com/office/drawing/2014/main" id="{9AC30445-FD61-47A0-A5B1-A730C1CB5FE8}"/>
                </a:ext>
              </a:extLst>
            </p:cNvPr>
            <p:cNvSpPr/>
            <p:nvPr/>
          </p:nvSpPr>
          <p:spPr>
            <a:xfrm>
              <a:off x="77118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1" name="Freeform: Shape 920">
              <a:extLst>
                <a:ext uri="{FF2B5EF4-FFF2-40B4-BE49-F238E27FC236}">
                  <a16:creationId xmlns:a16="http://schemas.microsoft.com/office/drawing/2014/main" id="{333ACE67-8B9B-415E-9FDF-E8108ABCA446}"/>
                </a:ext>
              </a:extLst>
            </p:cNvPr>
            <p:cNvSpPr/>
            <p:nvPr/>
          </p:nvSpPr>
          <p:spPr>
            <a:xfrm>
              <a:off x="77118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2" name="Freeform: Shape 921">
              <a:extLst>
                <a:ext uri="{FF2B5EF4-FFF2-40B4-BE49-F238E27FC236}">
                  <a16:creationId xmlns:a16="http://schemas.microsoft.com/office/drawing/2014/main" id="{5A8E9127-E04C-46FB-A9FD-36CD4F6AA842}"/>
                </a:ext>
              </a:extLst>
            </p:cNvPr>
            <p:cNvSpPr/>
            <p:nvPr/>
          </p:nvSpPr>
          <p:spPr>
            <a:xfrm>
              <a:off x="77118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3" name="Freeform: Shape 922">
              <a:extLst>
                <a:ext uri="{FF2B5EF4-FFF2-40B4-BE49-F238E27FC236}">
                  <a16:creationId xmlns:a16="http://schemas.microsoft.com/office/drawing/2014/main" id="{3A62D3EE-B041-46AC-91E5-B0ECEE0FC2D8}"/>
                </a:ext>
              </a:extLst>
            </p:cNvPr>
            <p:cNvSpPr/>
            <p:nvPr/>
          </p:nvSpPr>
          <p:spPr>
            <a:xfrm>
              <a:off x="77118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4" name="Freeform: Shape 923">
              <a:extLst>
                <a:ext uri="{FF2B5EF4-FFF2-40B4-BE49-F238E27FC236}">
                  <a16:creationId xmlns:a16="http://schemas.microsoft.com/office/drawing/2014/main" id="{1B46FE9D-B8D4-4D8E-8E59-74A1A2BC546B}"/>
                </a:ext>
              </a:extLst>
            </p:cNvPr>
            <p:cNvSpPr/>
            <p:nvPr/>
          </p:nvSpPr>
          <p:spPr>
            <a:xfrm>
              <a:off x="20063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grpSp>
      <p:sp>
        <p:nvSpPr>
          <p:cNvPr id="294" name="Ondertitel 2">
            <a:extLst>
              <a:ext uri="{FF2B5EF4-FFF2-40B4-BE49-F238E27FC236}">
                <a16:creationId xmlns:a16="http://schemas.microsoft.com/office/drawing/2014/main" id="{52C2D506-C20C-4144-970E-1F30626721A2}"/>
              </a:ext>
            </a:extLst>
          </p:cNvPr>
          <p:cNvSpPr>
            <a:spLocks noGrp="1"/>
          </p:cNvSpPr>
          <p:nvPr>
            <p:ph type="subTitle" idx="1" hasCustomPrompt="1"/>
          </p:nvPr>
        </p:nvSpPr>
        <p:spPr>
          <a:xfrm>
            <a:off x="631825" y="2758136"/>
            <a:ext cx="7411909" cy="1207146"/>
          </a:xfrm>
        </p:spPr>
        <p:txBody>
          <a:bodyPr anchor="b"/>
          <a:lstStyle>
            <a:lvl1pPr marL="0" indent="0" algn="l">
              <a:buNone/>
              <a:defRPr sz="2400" b="1" i="0">
                <a:solidFill>
                  <a:schemeClr val="accent4"/>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Subtitel (optioneel)</a:t>
            </a:r>
          </a:p>
        </p:txBody>
      </p:sp>
      <p:sp>
        <p:nvSpPr>
          <p:cNvPr id="7" name="Tijdelijke aanduiding voor tekst 6">
            <a:extLst>
              <a:ext uri="{FF2B5EF4-FFF2-40B4-BE49-F238E27FC236}">
                <a16:creationId xmlns:a16="http://schemas.microsoft.com/office/drawing/2014/main" id="{0436758D-A761-416C-BE19-E67431685E52}"/>
              </a:ext>
            </a:extLst>
          </p:cNvPr>
          <p:cNvSpPr>
            <a:spLocks noGrp="1"/>
          </p:cNvSpPr>
          <p:nvPr>
            <p:ph type="body" sz="quarter" idx="18" hasCustomPrompt="1"/>
          </p:nvPr>
        </p:nvSpPr>
        <p:spPr>
          <a:xfrm>
            <a:off x="633600" y="4024800"/>
            <a:ext cx="4312800" cy="460800"/>
          </a:xfrm>
        </p:spPr>
        <p:txBody>
          <a:bodyPr/>
          <a:lstStyle>
            <a:lvl1pPr marL="0" indent="0">
              <a:buNone/>
              <a:defRPr sz="2400" b="1">
                <a:solidFill>
                  <a:schemeClr val="accent4"/>
                </a:solidFill>
              </a:defRPr>
            </a:lvl1pPr>
            <a:lvl2pPr marL="457200" indent="0">
              <a:buNone/>
              <a:defRPr/>
            </a:lvl2pPr>
            <a:lvl3pPr marL="914400" indent="0">
              <a:buNone/>
              <a:defRPr/>
            </a:lvl3pPr>
            <a:lvl4pPr marL="1371600" indent="0">
              <a:buNone/>
              <a:defRPr/>
            </a:lvl4pPr>
            <a:lvl5pPr marL="1828800" indent="0">
              <a:buNone/>
              <a:defRPr/>
            </a:lvl5pPr>
          </a:lstStyle>
          <a:p>
            <a:pPr lvl="0"/>
            <a:r>
              <a:rPr lang="nl-NL" err="1"/>
              <a:t>Subregel</a:t>
            </a:r>
            <a:r>
              <a:rPr lang="nl-NL"/>
              <a:t> (optioneel)</a:t>
            </a:r>
            <a:endParaRPr lang="en-GB"/>
          </a:p>
        </p:txBody>
      </p:sp>
    </p:spTree>
    <p:extLst>
      <p:ext uri="{BB962C8B-B14F-4D97-AF65-F5344CB8AC3E}">
        <p14:creationId xmlns:p14="http://schemas.microsoft.com/office/powerpoint/2010/main" val="357702988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secHead" preserve="1">
  <p:cSld name="Sectiekop">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C1A2CBD-7AFA-5E47-9EDF-AA246AB44DF9}"/>
              </a:ext>
            </a:extLst>
          </p:cNvPr>
          <p:cNvSpPr>
            <a:spLocks noGrp="1"/>
          </p:cNvSpPr>
          <p:nvPr>
            <p:ph type="title" hasCustomPrompt="1"/>
          </p:nvPr>
        </p:nvSpPr>
        <p:spPr>
          <a:xfrm>
            <a:off x="631825" y="1709738"/>
            <a:ext cx="10209211" cy="2852737"/>
          </a:xfrm>
        </p:spPr>
        <p:txBody>
          <a:bodyPr anchor="b"/>
          <a:lstStyle>
            <a:lvl1pPr>
              <a:defRPr sz="6000"/>
            </a:lvl1pPr>
          </a:lstStyle>
          <a:p>
            <a:r>
              <a:rPr lang="nl-NL"/>
              <a:t>Voeg titel toe</a:t>
            </a:r>
          </a:p>
        </p:txBody>
      </p:sp>
      <p:sp>
        <p:nvSpPr>
          <p:cNvPr id="3" name="Tijdelijke aanduiding voor tekst 2">
            <a:extLst>
              <a:ext uri="{FF2B5EF4-FFF2-40B4-BE49-F238E27FC236}">
                <a16:creationId xmlns:a16="http://schemas.microsoft.com/office/drawing/2014/main" id="{834C0A41-57D5-6940-8FC6-D43359DFEC60}"/>
              </a:ext>
            </a:extLst>
          </p:cNvPr>
          <p:cNvSpPr>
            <a:spLocks noGrp="1"/>
          </p:cNvSpPr>
          <p:nvPr>
            <p:ph type="body" idx="1"/>
          </p:nvPr>
        </p:nvSpPr>
        <p:spPr>
          <a:xfrm>
            <a:off x="631825" y="4589463"/>
            <a:ext cx="10209211" cy="1500187"/>
          </a:xfrm>
        </p:spPr>
        <p:txBody>
          <a:bodyPr/>
          <a:lstStyle>
            <a:lvl1pPr marL="0" indent="0">
              <a:buNone/>
              <a:defRPr sz="2400">
                <a:solidFill>
                  <a:schemeClr val="accent2"/>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endParaRPr lang="nl-NL"/>
          </a:p>
        </p:txBody>
      </p:sp>
      <p:sp>
        <p:nvSpPr>
          <p:cNvPr id="4" name="Date Placeholder 3">
            <a:extLst>
              <a:ext uri="{FF2B5EF4-FFF2-40B4-BE49-F238E27FC236}">
                <a16:creationId xmlns:a16="http://schemas.microsoft.com/office/drawing/2014/main" id="{D7566AAF-D3EE-4FC4-8219-B967A1F3DA78}"/>
              </a:ext>
            </a:extLst>
          </p:cNvPr>
          <p:cNvSpPr>
            <a:spLocks noGrp="1"/>
          </p:cNvSpPr>
          <p:nvPr>
            <p:ph type="dt" sz="half" idx="10"/>
          </p:nvPr>
        </p:nvSpPr>
        <p:spPr/>
        <p:txBody>
          <a:bodyPr/>
          <a:lstStyle/>
          <a:p>
            <a:fld id="{2CDDF44A-BF68-4CCF-A6CF-AFCBEE804673}" type="datetime1">
              <a:rPr lang="en-GB" smtClean="0"/>
              <a:t>23/05/2022</a:t>
            </a:fld>
            <a:endParaRPr lang="en-GB"/>
          </a:p>
        </p:txBody>
      </p:sp>
      <p:sp>
        <p:nvSpPr>
          <p:cNvPr id="5" name="Footer Placeholder 4">
            <a:extLst>
              <a:ext uri="{FF2B5EF4-FFF2-40B4-BE49-F238E27FC236}">
                <a16:creationId xmlns:a16="http://schemas.microsoft.com/office/drawing/2014/main" id="{77626742-66D7-4243-B025-81683DB4542E}"/>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666F83D2-7DE5-4FBD-AACE-9622CBC3E691}"/>
              </a:ext>
            </a:extLst>
          </p:cNvPr>
          <p:cNvSpPr>
            <a:spLocks noGrp="1"/>
          </p:cNvSpPr>
          <p:nvPr>
            <p:ph type="sldNum" sz="quarter" idx="12"/>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156769473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 en object">
    <p:spTree>
      <p:nvGrpSpPr>
        <p:cNvPr id="1" name=""/>
        <p:cNvGrpSpPr/>
        <p:nvPr/>
      </p:nvGrpSpPr>
      <p:grpSpPr>
        <a:xfrm>
          <a:off x="0" y="0"/>
          <a:ext cx="0" cy="0"/>
          <a:chOff x="0" y="0"/>
          <a:chExt cx="0" cy="0"/>
        </a:xfrm>
      </p:grpSpPr>
      <p:sp>
        <p:nvSpPr>
          <p:cNvPr id="19" name="Ondertitel 2">
            <a:extLst>
              <a:ext uri="{FF2B5EF4-FFF2-40B4-BE49-F238E27FC236}">
                <a16:creationId xmlns:a16="http://schemas.microsoft.com/office/drawing/2014/main" id="{B8455A8C-1151-45FD-BC04-D6EFE9E66F6A}"/>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22" name="Tijdelijke aanduiding voor inhoud 2">
            <a:extLst>
              <a:ext uri="{FF2B5EF4-FFF2-40B4-BE49-F238E27FC236}">
                <a16:creationId xmlns:a16="http://schemas.microsoft.com/office/drawing/2014/main" id="{8B00E604-4B97-4510-A3F5-5F4967D4D269}"/>
              </a:ext>
            </a:extLst>
          </p:cNvPr>
          <p:cNvSpPr>
            <a:spLocks noGrp="1"/>
          </p:cNvSpPr>
          <p:nvPr>
            <p:ph idx="1"/>
          </p:nvPr>
        </p:nvSpPr>
        <p:spPr>
          <a:xfrm>
            <a:off x="631825" y="1825626"/>
            <a:ext cx="10209212" cy="4032250"/>
          </a:xfrm>
        </p:spPr>
        <p:txBody>
          <a:bodyPr/>
          <a:lstStyle>
            <a:lvl1pPr>
              <a:defRPr sz="1400"/>
            </a:lvl1pPr>
          </a:lstStyle>
          <a:p>
            <a:pPr lvl="0"/>
            <a:endParaRPr lang="nl-NL"/>
          </a:p>
        </p:txBody>
      </p:sp>
      <p:sp>
        <p:nvSpPr>
          <p:cNvPr id="23" name="Title 22">
            <a:extLst>
              <a:ext uri="{FF2B5EF4-FFF2-40B4-BE49-F238E27FC236}">
                <a16:creationId xmlns:a16="http://schemas.microsoft.com/office/drawing/2014/main" id="{680762F9-45DE-418E-9F0E-4E555F12BFE6}"/>
              </a:ext>
            </a:extLst>
          </p:cNvPr>
          <p:cNvSpPr>
            <a:spLocks noGrp="1"/>
          </p:cNvSpPr>
          <p:nvPr>
            <p:ph type="title" hasCustomPrompt="1"/>
          </p:nvPr>
        </p:nvSpPr>
        <p:spPr/>
        <p:txBody>
          <a:bodyPr/>
          <a:lstStyle>
            <a:lvl1pPr>
              <a:defRPr/>
            </a:lvl1pPr>
          </a:lstStyle>
          <a:p>
            <a:r>
              <a:rPr lang="en-US" err="1"/>
              <a:t>Voeg</a:t>
            </a:r>
            <a:r>
              <a:rPr lang="en-US"/>
              <a:t> title toe</a:t>
            </a:r>
          </a:p>
        </p:txBody>
      </p:sp>
      <p:sp>
        <p:nvSpPr>
          <p:cNvPr id="2" name="Date Placeholder 1">
            <a:extLst>
              <a:ext uri="{FF2B5EF4-FFF2-40B4-BE49-F238E27FC236}">
                <a16:creationId xmlns:a16="http://schemas.microsoft.com/office/drawing/2014/main" id="{0DF9CAEF-4AC1-482E-A28C-4BD4EF23823E}"/>
              </a:ext>
            </a:extLst>
          </p:cNvPr>
          <p:cNvSpPr>
            <a:spLocks noGrp="1"/>
          </p:cNvSpPr>
          <p:nvPr>
            <p:ph type="dt" sz="half" idx="14"/>
          </p:nvPr>
        </p:nvSpPr>
        <p:spPr/>
        <p:txBody>
          <a:bodyPr/>
          <a:lstStyle/>
          <a:p>
            <a:fld id="{E02C8C58-7455-42B9-A9FD-EE48EC293C11}" type="datetime1">
              <a:rPr lang="en-GB" smtClean="0"/>
              <a:t>23/05/2022</a:t>
            </a:fld>
            <a:endParaRPr lang="en-GB"/>
          </a:p>
        </p:txBody>
      </p:sp>
      <p:sp>
        <p:nvSpPr>
          <p:cNvPr id="3" name="Footer Placeholder 2">
            <a:extLst>
              <a:ext uri="{FF2B5EF4-FFF2-40B4-BE49-F238E27FC236}">
                <a16:creationId xmlns:a16="http://schemas.microsoft.com/office/drawing/2014/main" id="{793A717A-0D90-431C-BCD3-A6ECA053C009}"/>
              </a:ext>
            </a:extLst>
          </p:cNvPr>
          <p:cNvSpPr>
            <a:spLocks noGrp="1"/>
          </p:cNvSpPr>
          <p:nvPr>
            <p:ph type="ftr" sz="quarter" idx="15"/>
          </p:nvPr>
        </p:nvSpPr>
        <p:spPr/>
        <p:txBody>
          <a:bodyPr/>
          <a:lstStyle/>
          <a:p>
            <a:endParaRPr lang="en-GB"/>
          </a:p>
        </p:txBody>
      </p:sp>
      <p:sp>
        <p:nvSpPr>
          <p:cNvPr id="4" name="Slide Number Placeholder 3">
            <a:extLst>
              <a:ext uri="{FF2B5EF4-FFF2-40B4-BE49-F238E27FC236}">
                <a16:creationId xmlns:a16="http://schemas.microsoft.com/office/drawing/2014/main" id="{542E7448-FA38-460E-A530-78699A84B1D6}"/>
              </a:ext>
            </a:extLst>
          </p:cNvPr>
          <p:cNvSpPr>
            <a:spLocks noGrp="1"/>
          </p:cNvSpPr>
          <p:nvPr>
            <p:ph type="sldNum" sz="quarter" idx="16"/>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35869947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Inhoud van twee">
    <p:spTree>
      <p:nvGrpSpPr>
        <p:cNvPr id="1" name=""/>
        <p:cNvGrpSpPr/>
        <p:nvPr/>
      </p:nvGrpSpPr>
      <p:grpSpPr>
        <a:xfrm>
          <a:off x="0" y="0"/>
          <a:ext cx="0" cy="0"/>
          <a:chOff x="0" y="0"/>
          <a:chExt cx="0" cy="0"/>
        </a:xfrm>
      </p:grpSpPr>
      <p:sp>
        <p:nvSpPr>
          <p:cNvPr id="3" name="Tijdelijke aanduiding voor inhoud 2">
            <a:extLst>
              <a:ext uri="{FF2B5EF4-FFF2-40B4-BE49-F238E27FC236}">
                <a16:creationId xmlns:a16="http://schemas.microsoft.com/office/drawing/2014/main" id="{CC9813C8-B51D-6841-B87E-E5EC608D4974}"/>
              </a:ext>
            </a:extLst>
          </p:cNvPr>
          <p:cNvSpPr>
            <a:spLocks noGrp="1"/>
          </p:cNvSpPr>
          <p:nvPr>
            <p:ph sz="half" idx="1"/>
          </p:nvPr>
        </p:nvSpPr>
        <p:spPr>
          <a:xfrm>
            <a:off x="631826" y="1825625"/>
            <a:ext cx="5028440" cy="4032249"/>
          </a:xfrm>
        </p:spPr>
        <p:txBody>
          <a:bodyPr/>
          <a:lstStyle>
            <a:lvl1pPr>
              <a:defRPr sz="1400"/>
            </a:lvl1pPr>
          </a:lstStyle>
          <a:p>
            <a:pPr lvl="0"/>
            <a:endParaRPr lang="nl-NL"/>
          </a:p>
        </p:txBody>
      </p:sp>
      <p:sp>
        <p:nvSpPr>
          <p:cNvPr id="4" name="Tijdelijke aanduiding voor inhoud 3">
            <a:extLst>
              <a:ext uri="{FF2B5EF4-FFF2-40B4-BE49-F238E27FC236}">
                <a16:creationId xmlns:a16="http://schemas.microsoft.com/office/drawing/2014/main" id="{94CED3C7-DD9C-C945-8B8C-FF0FF6605954}"/>
              </a:ext>
            </a:extLst>
          </p:cNvPr>
          <p:cNvSpPr>
            <a:spLocks noGrp="1"/>
          </p:cNvSpPr>
          <p:nvPr>
            <p:ph sz="half" idx="2"/>
          </p:nvPr>
        </p:nvSpPr>
        <p:spPr>
          <a:xfrm>
            <a:off x="5812596" y="1825625"/>
            <a:ext cx="5028440" cy="4032249"/>
          </a:xfrm>
        </p:spPr>
        <p:txBody>
          <a:bodyPr/>
          <a:lstStyle>
            <a:lvl1pPr>
              <a:defRPr sz="1400"/>
            </a:lvl1pPr>
          </a:lstStyle>
          <a:p>
            <a:pPr lvl="0"/>
            <a:endParaRPr lang="nl-NL"/>
          </a:p>
        </p:txBody>
      </p:sp>
      <p:sp>
        <p:nvSpPr>
          <p:cNvPr id="17" name="Ondertitel 2">
            <a:extLst>
              <a:ext uri="{FF2B5EF4-FFF2-40B4-BE49-F238E27FC236}">
                <a16:creationId xmlns:a16="http://schemas.microsoft.com/office/drawing/2014/main" id="{71108092-E756-4BC4-9CC5-DA455C29F3D8}"/>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21" name="Title 20">
            <a:extLst>
              <a:ext uri="{FF2B5EF4-FFF2-40B4-BE49-F238E27FC236}">
                <a16:creationId xmlns:a16="http://schemas.microsoft.com/office/drawing/2014/main" id="{B3D560FF-5751-4CD7-9FBE-4F699E3F600A}"/>
              </a:ext>
            </a:extLst>
          </p:cNvPr>
          <p:cNvSpPr>
            <a:spLocks noGrp="1"/>
          </p:cNvSpPr>
          <p:nvPr>
            <p:ph type="title" hasCustomPrompt="1"/>
          </p:nvPr>
        </p:nvSpPr>
        <p:spPr/>
        <p:txBody>
          <a:bodyPr/>
          <a:lstStyle>
            <a:lvl1pPr>
              <a:defRPr/>
            </a:lvl1pPr>
          </a:lstStyle>
          <a:p>
            <a:r>
              <a:rPr lang="en-US" err="1"/>
              <a:t>Voeg</a:t>
            </a:r>
            <a:r>
              <a:rPr lang="en-US"/>
              <a:t> title toe</a:t>
            </a:r>
          </a:p>
        </p:txBody>
      </p:sp>
      <p:sp>
        <p:nvSpPr>
          <p:cNvPr id="2" name="Date Placeholder 1">
            <a:extLst>
              <a:ext uri="{FF2B5EF4-FFF2-40B4-BE49-F238E27FC236}">
                <a16:creationId xmlns:a16="http://schemas.microsoft.com/office/drawing/2014/main" id="{80909B7A-1D5F-494A-9AF4-DA96E477342A}"/>
              </a:ext>
            </a:extLst>
          </p:cNvPr>
          <p:cNvSpPr>
            <a:spLocks noGrp="1"/>
          </p:cNvSpPr>
          <p:nvPr>
            <p:ph type="dt" sz="half" idx="14"/>
          </p:nvPr>
        </p:nvSpPr>
        <p:spPr/>
        <p:txBody>
          <a:bodyPr/>
          <a:lstStyle/>
          <a:p>
            <a:fld id="{419E983A-F637-4B28-93FD-EAEA0BE524AF}" type="datetime1">
              <a:rPr lang="en-GB" smtClean="0"/>
              <a:t>23/05/2022</a:t>
            </a:fld>
            <a:endParaRPr lang="en-GB"/>
          </a:p>
        </p:txBody>
      </p:sp>
      <p:sp>
        <p:nvSpPr>
          <p:cNvPr id="5" name="Footer Placeholder 4">
            <a:extLst>
              <a:ext uri="{FF2B5EF4-FFF2-40B4-BE49-F238E27FC236}">
                <a16:creationId xmlns:a16="http://schemas.microsoft.com/office/drawing/2014/main" id="{6D8B29D4-7C46-4976-BE03-791E20F96459}"/>
              </a:ext>
            </a:extLst>
          </p:cNvPr>
          <p:cNvSpPr>
            <a:spLocks noGrp="1"/>
          </p:cNvSpPr>
          <p:nvPr>
            <p:ph type="ftr" sz="quarter" idx="15"/>
          </p:nvPr>
        </p:nvSpPr>
        <p:spPr/>
        <p:txBody>
          <a:bodyPr/>
          <a:lstStyle/>
          <a:p>
            <a:endParaRPr lang="en-GB"/>
          </a:p>
        </p:txBody>
      </p:sp>
      <p:sp>
        <p:nvSpPr>
          <p:cNvPr id="6" name="Slide Number Placeholder 5">
            <a:extLst>
              <a:ext uri="{FF2B5EF4-FFF2-40B4-BE49-F238E27FC236}">
                <a16:creationId xmlns:a16="http://schemas.microsoft.com/office/drawing/2014/main" id="{3714B727-1874-4DDC-BEDE-7D2DFAF07B96}"/>
              </a:ext>
            </a:extLst>
          </p:cNvPr>
          <p:cNvSpPr>
            <a:spLocks noGrp="1"/>
          </p:cNvSpPr>
          <p:nvPr>
            <p:ph type="sldNum" sz="quarter" idx="16"/>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161668873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Inhoud met bijschrif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DA1C1E5-AE8F-DC45-9C52-75D68F11C680}"/>
              </a:ext>
            </a:extLst>
          </p:cNvPr>
          <p:cNvSpPr>
            <a:spLocks noGrp="1"/>
          </p:cNvSpPr>
          <p:nvPr>
            <p:ph type="title" hasCustomPrompt="1"/>
          </p:nvPr>
        </p:nvSpPr>
        <p:spPr>
          <a:xfrm>
            <a:off x="631826" y="457200"/>
            <a:ext cx="4140200" cy="1600200"/>
          </a:xfrm>
        </p:spPr>
        <p:txBody>
          <a:bodyPr anchor="b">
            <a:normAutofit/>
          </a:bodyPr>
          <a:lstStyle>
            <a:lvl1pPr>
              <a:defRPr sz="4000"/>
            </a:lvl1pPr>
          </a:lstStyle>
          <a:p>
            <a:r>
              <a:rPr lang="nl-NL"/>
              <a:t>Voeg titel toe</a:t>
            </a:r>
          </a:p>
        </p:txBody>
      </p:sp>
      <p:sp>
        <p:nvSpPr>
          <p:cNvPr id="3" name="Tijdelijke aanduiding voor inhoud 2">
            <a:extLst>
              <a:ext uri="{FF2B5EF4-FFF2-40B4-BE49-F238E27FC236}">
                <a16:creationId xmlns:a16="http://schemas.microsoft.com/office/drawing/2014/main" id="{6734FE2C-A4A1-E141-9EF8-52CAE1D6E82C}"/>
              </a:ext>
            </a:extLst>
          </p:cNvPr>
          <p:cNvSpPr>
            <a:spLocks noGrp="1"/>
          </p:cNvSpPr>
          <p:nvPr>
            <p:ph idx="1"/>
          </p:nvPr>
        </p:nvSpPr>
        <p:spPr>
          <a:xfrm>
            <a:off x="5183188" y="457201"/>
            <a:ext cx="5657848" cy="5403850"/>
          </a:xfrm>
        </p:spPr>
        <p:txBody>
          <a:bodyPr/>
          <a:lstStyle>
            <a:lvl1pPr>
              <a:defRPr sz="24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endParaRPr lang="nl-NL"/>
          </a:p>
        </p:txBody>
      </p:sp>
      <p:sp>
        <p:nvSpPr>
          <p:cNvPr id="4" name="Tijdelijke aanduiding voor tekst 3">
            <a:extLst>
              <a:ext uri="{FF2B5EF4-FFF2-40B4-BE49-F238E27FC236}">
                <a16:creationId xmlns:a16="http://schemas.microsoft.com/office/drawing/2014/main" id="{0B76EFB3-341C-CF4E-B80E-C7D189998828}"/>
              </a:ext>
            </a:extLst>
          </p:cNvPr>
          <p:cNvSpPr>
            <a:spLocks noGrp="1"/>
          </p:cNvSpPr>
          <p:nvPr>
            <p:ph type="body" sz="half" idx="2"/>
          </p:nvPr>
        </p:nvSpPr>
        <p:spPr>
          <a:xfrm>
            <a:off x="631826" y="2057400"/>
            <a:ext cx="4140199" cy="3811588"/>
          </a:xfrm>
        </p:spPr>
        <p:txBody>
          <a:bodyPr/>
          <a:lstStyle>
            <a:lvl1pPr marL="0" indent="0">
              <a:buNone/>
              <a:defRPr sz="14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endParaRPr lang="nl-NL"/>
          </a:p>
        </p:txBody>
      </p:sp>
      <p:sp>
        <p:nvSpPr>
          <p:cNvPr id="5" name="Date Placeholder 4">
            <a:extLst>
              <a:ext uri="{FF2B5EF4-FFF2-40B4-BE49-F238E27FC236}">
                <a16:creationId xmlns:a16="http://schemas.microsoft.com/office/drawing/2014/main" id="{A9C65F25-4CB7-4E4B-A45E-8A3D75577FB4}"/>
              </a:ext>
            </a:extLst>
          </p:cNvPr>
          <p:cNvSpPr>
            <a:spLocks noGrp="1"/>
          </p:cNvSpPr>
          <p:nvPr>
            <p:ph type="dt" sz="half" idx="10"/>
          </p:nvPr>
        </p:nvSpPr>
        <p:spPr/>
        <p:txBody>
          <a:bodyPr/>
          <a:lstStyle/>
          <a:p>
            <a:fld id="{8DBF8827-6856-4A09-A018-24359788D71A}" type="datetime1">
              <a:rPr lang="en-GB" smtClean="0"/>
              <a:t>23/05/2022</a:t>
            </a:fld>
            <a:endParaRPr lang="en-GB"/>
          </a:p>
        </p:txBody>
      </p:sp>
      <p:sp>
        <p:nvSpPr>
          <p:cNvPr id="6" name="Footer Placeholder 5">
            <a:extLst>
              <a:ext uri="{FF2B5EF4-FFF2-40B4-BE49-F238E27FC236}">
                <a16:creationId xmlns:a16="http://schemas.microsoft.com/office/drawing/2014/main" id="{849A3D27-F97D-4584-A9E9-50DBA9BB97F9}"/>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188E0355-D002-4FB1-8315-EB2FFE036615}"/>
              </a:ext>
            </a:extLst>
          </p:cNvPr>
          <p:cNvSpPr>
            <a:spLocks noGrp="1"/>
          </p:cNvSpPr>
          <p:nvPr>
            <p:ph type="sldNum" sz="quarter" idx="12"/>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37992887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fbeelding met bijschrift">
    <p:spTree>
      <p:nvGrpSpPr>
        <p:cNvPr id="1" name=""/>
        <p:cNvGrpSpPr/>
        <p:nvPr/>
      </p:nvGrpSpPr>
      <p:grpSpPr>
        <a:xfrm>
          <a:off x="0" y="0"/>
          <a:ext cx="0" cy="0"/>
          <a:chOff x="0" y="0"/>
          <a:chExt cx="0" cy="0"/>
        </a:xfrm>
      </p:grpSpPr>
      <p:sp>
        <p:nvSpPr>
          <p:cNvPr id="3" name="Tijdelijke aanduiding voor afbeelding 2">
            <a:extLst>
              <a:ext uri="{FF2B5EF4-FFF2-40B4-BE49-F238E27FC236}">
                <a16:creationId xmlns:a16="http://schemas.microsoft.com/office/drawing/2014/main" id="{D6022EB0-2AEA-8742-BA74-F7C05DA91ACD}"/>
              </a:ext>
            </a:extLst>
          </p:cNvPr>
          <p:cNvSpPr>
            <a:spLocks noGrp="1"/>
          </p:cNvSpPr>
          <p:nvPr>
            <p:ph type="pic" idx="1"/>
          </p:nvPr>
        </p:nvSpPr>
        <p:spPr>
          <a:xfrm>
            <a:off x="5183188" y="457201"/>
            <a:ext cx="5657848" cy="5403850"/>
          </a:xfrm>
        </p:spPr>
        <p:txBody>
          <a:bodyPr rtlCol="0">
            <a:normAutofit/>
          </a:bodyPr>
          <a:lstStyle>
            <a:lvl1pPr marL="0" indent="0">
              <a:buNone/>
              <a:defRPr sz="24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pPr lvl="0"/>
            <a:endParaRPr lang="nl-NL" noProof="0"/>
          </a:p>
        </p:txBody>
      </p:sp>
      <p:sp>
        <p:nvSpPr>
          <p:cNvPr id="13" name="Titel 1">
            <a:extLst>
              <a:ext uri="{FF2B5EF4-FFF2-40B4-BE49-F238E27FC236}">
                <a16:creationId xmlns:a16="http://schemas.microsoft.com/office/drawing/2014/main" id="{DE2EBB02-DACF-47B5-8F5E-12EDE3F830F8}"/>
              </a:ext>
            </a:extLst>
          </p:cNvPr>
          <p:cNvSpPr>
            <a:spLocks noGrp="1"/>
          </p:cNvSpPr>
          <p:nvPr>
            <p:ph type="title" hasCustomPrompt="1"/>
          </p:nvPr>
        </p:nvSpPr>
        <p:spPr>
          <a:xfrm>
            <a:off x="631826" y="457200"/>
            <a:ext cx="4140200" cy="1600200"/>
          </a:xfrm>
        </p:spPr>
        <p:txBody>
          <a:bodyPr anchor="b">
            <a:normAutofit/>
          </a:bodyPr>
          <a:lstStyle>
            <a:lvl1pPr>
              <a:defRPr sz="4000"/>
            </a:lvl1pPr>
          </a:lstStyle>
          <a:p>
            <a:r>
              <a:rPr lang="nl-NL"/>
              <a:t>Voeg titel toe</a:t>
            </a:r>
          </a:p>
        </p:txBody>
      </p:sp>
      <p:sp>
        <p:nvSpPr>
          <p:cNvPr id="14" name="Tijdelijke aanduiding voor tekst 3">
            <a:extLst>
              <a:ext uri="{FF2B5EF4-FFF2-40B4-BE49-F238E27FC236}">
                <a16:creationId xmlns:a16="http://schemas.microsoft.com/office/drawing/2014/main" id="{1440C125-C510-4962-806C-38C93CA43877}"/>
              </a:ext>
            </a:extLst>
          </p:cNvPr>
          <p:cNvSpPr>
            <a:spLocks noGrp="1"/>
          </p:cNvSpPr>
          <p:nvPr>
            <p:ph type="body" sz="half" idx="2"/>
          </p:nvPr>
        </p:nvSpPr>
        <p:spPr>
          <a:xfrm>
            <a:off x="631826" y="2057400"/>
            <a:ext cx="4140199" cy="3811588"/>
          </a:xfrm>
        </p:spPr>
        <p:txBody>
          <a:bodyPr/>
          <a:lstStyle>
            <a:lvl1pPr marL="285750" indent="-285750">
              <a:buFont typeface="Arial" panose="020B0604020202020204" pitchFamily="34" charset="0"/>
              <a:buChar char="•"/>
              <a:defRPr sz="1400"/>
            </a:lvl1pPr>
            <a:lvl2pPr marL="742950" indent="-285750">
              <a:buFont typeface="Arial" panose="020B0604020202020204" pitchFamily="34" charset="0"/>
              <a:buChar char="•"/>
              <a:defRPr sz="1400"/>
            </a:lvl2pPr>
            <a:lvl3pPr marL="1085850" indent="-171450">
              <a:buFont typeface="Arial" panose="020B0604020202020204" pitchFamily="34" charset="0"/>
              <a:buChar char="•"/>
              <a:defRPr sz="1200"/>
            </a:lvl3pPr>
            <a:lvl4pPr marL="1543050" indent="-171450">
              <a:buFont typeface="Arial" panose="020B0604020202020204" pitchFamily="34" charset="0"/>
              <a:buChar char="•"/>
              <a:defRPr sz="1000"/>
            </a:lvl4pPr>
            <a:lvl5pPr marL="2000250" indent="-171450">
              <a:buFont typeface="Arial" panose="020B0604020202020204" pitchFamily="34" charset="0"/>
              <a:buChar char="•"/>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endParaRPr lang="nl-NL"/>
          </a:p>
        </p:txBody>
      </p:sp>
      <p:sp>
        <p:nvSpPr>
          <p:cNvPr id="2" name="Date Placeholder 1">
            <a:extLst>
              <a:ext uri="{FF2B5EF4-FFF2-40B4-BE49-F238E27FC236}">
                <a16:creationId xmlns:a16="http://schemas.microsoft.com/office/drawing/2014/main" id="{8788018A-7690-4347-A6B0-BE896BA4FC49}"/>
              </a:ext>
            </a:extLst>
          </p:cNvPr>
          <p:cNvSpPr>
            <a:spLocks noGrp="1"/>
          </p:cNvSpPr>
          <p:nvPr>
            <p:ph type="dt" sz="half" idx="10"/>
          </p:nvPr>
        </p:nvSpPr>
        <p:spPr/>
        <p:txBody>
          <a:bodyPr/>
          <a:lstStyle/>
          <a:p>
            <a:fld id="{8D2B81A2-5B81-4A11-B009-4CA1936816F2}" type="datetime1">
              <a:rPr lang="en-GB" smtClean="0"/>
              <a:t>23/05/2022</a:t>
            </a:fld>
            <a:endParaRPr lang="en-GB"/>
          </a:p>
        </p:txBody>
      </p:sp>
      <p:sp>
        <p:nvSpPr>
          <p:cNvPr id="4" name="Footer Placeholder 3">
            <a:extLst>
              <a:ext uri="{FF2B5EF4-FFF2-40B4-BE49-F238E27FC236}">
                <a16:creationId xmlns:a16="http://schemas.microsoft.com/office/drawing/2014/main" id="{6DFFF564-B1E9-4D03-93E7-8C506DB6066A}"/>
              </a:ext>
            </a:extLst>
          </p:cNvPr>
          <p:cNvSpPr>
            <a:spLocks noGrp="1"/>
          </p:cNvSpPr>
          <p:nvPr>
            <p:ph type="ftr" sz="quarter" idx="11"/>
          </p:nvPr>
        </p:nvSpPr>
        <p:spPr/>
        <p:txBody>
          <a:bodyPr/>
          <a:lstStyle/>
          <a:p>
            <a:endParaRPr lang="en-GB"/>
          </a:p>
        </p:txBody>
      </p:sp>
      <p:sp>
        <p:nvSpPr>
          <p:cNvPr id="5" name="Slide Number Placeholder 4">
            <a:extLst>
              <a:ext uri="{FF2B5EF4-FFF2-40B4-BE49-F238E27FC236}">
                <a16:creationId xmlns:a16="http://schemas.microsoft.com/office/drawing/2014/main" id="{56E40684-790F-46B4-BC70-725A912348F2}"/>
              </a:ext>
            </a:extLst>
          </p:cNvPr>
          <p:cNvSpPr>
            <a:spLocks noGrp="1"/>
          </p:cNvSpPr>
          <p:nvPr>
            <p:ph type="sldNum" sz="quarter" idx="12"/>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3523203788"/>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image" Target="../media/image1.png"/><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3" name="Rechthoekige driehoek 5">
            <a:extLst>
              <a:ext uri="{FF2B5EF4-FFF2-40B4-BE49-F238E27FC236}">
                <a16:creationId xmlns:a16="http://schemas.microsoft.com/office/drawing/2014/main" id="{83C50CDB-643D-41D1-A546-6004593C90CC}"/>
              </a:ext>
            </a:extLst>
          </p:cNvPr>
          <p:cNvSpPr/>
          <p:nvPr userDrawn="1"/>
        </p:nvSpPr>
        <p:spPr>
          <a:xfrm rot="5400000">
            <a:off x="-20638" y="3175"/>
            <a:ext cx="1565276" cy="1524000"/>
          </a:xfrm>
          <a:prstGeom prst="rtTriangle">
            <a:avLst/>
          </a:prstGeom>
          <a:solidFill>
            <a:srgbClr val="86D2ED">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nl-NL"/>
          </a:p>
        </p:txBody>
      </p:sp>
      <p:sp>
        <p:nvSpPr>
          <p:cNvPr id="2" name="Tijdelijke aanduiding voor titel 1">
            <a:extLst>
              <a:ext uri="{FF2B5EF4-FFF2-40B4-BE49-F238E27FC236}">
                <a16:creationId xmlns:a16="http://schemas.microsoft.com/office/drawing/2014/main" id="{EE718F30-BFE0-0049-A724-06A1A3A580DA}"/>
              </a:ext>
            </a:extLst>
          </p:cNvPr>
          <p:cNvSpPr>
            <a:spLocks noGrp="1"/>
          </p:cNvSpPr>
          <p:nvPr>
            <p:ph type="title"/>
          </p:nvPr>
        </p:nvSpPr>
        <p:spPr>
          <a:xfrm>
            <a:off x="631825" y="365126"/>
            <a:ext cx="10209211" cy="648000"/>
          </a:xfrm>
          <a:prstGeom prst="rect">
            <a:avLst/>
          </a:prstGeom>
        </p:spPr>
        <p:txBody>
          <a:bodyPr vert="horz" lIns="91440" tIns="45720" rIns="91440" bIns="45720" rtlCol="0" anchor="t">
            <a:normAutofit/>
          </a:bodyPr>
          <a:lstStyle/>
          <a:p>
            <a:r>
              <a:rPr lang="nl-NL"/>
              <a:t>Voeg Titel toe</a:t>
            </a:r>
          </a:p>
        </p:txBody>
      </p:sp>
      <p:sp>
        <p:nvSpPr>
          <p:cNvPr id="1027" name="Tijdelijke aanduiding voor tekst 2">
            <a:extLst>
              <a:ext uri="{FF2B5EF4-FFF2-40B4-BE49-F238E27FC236}">
                <a16:creationId xmlns:a16="http://schemas.microsoft.com/office/drawing/2014/main" id="{49A86127-AF9F-2C41-9CC5-60997F3C5702}"/>
              </a:ext>
            </a:extLst>
          </p:cNvPr>
          <p:cNvSpPr>
            <a:spLocks noGrp="1" noChangeArrowheads="1"/>
          </p:cNvSpPr>
          <p:nvPr>
            <p:ph type="body" idx="1"/>
          </p:nvPr>
        </p:nvSpPr>
        <p:spPr bwMode="auto">
          <a:xfrm>
            <a:off x="631825" y="1825625"/>
            <a:ext cx="10209211" cy="40322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lvl="0"/>
            <a:endParaRPr lang="nl-NL" altLang="nl-NL"/>
          </a:p>
          <a:p>
            <a:pPr lvl="1"/>
            <a:endParaRPr lang="nl-NL" altLang="nl-NL"/>
          </a:p>
          <a:p>
            <a:pPr lvl="2"/>
            <a:endParaRPr lang="nl-NL" altLang="nl-NL"/>
          </a:p>
          <a:p>
            <a:pPr lvl="3"/>
            <a:endParaRPr lang="nl-NL" altLang="nl-NL"/>
          </a:p>
          <a:p>
            <a:pPr lvl="4"/>
            <a:endParaRPr lang="nl-NL" altLang="nl-NL"/>
          </a:p>
          <a:p>
            <a:pPr lvl="4"/>
            <a:endParaRPr lang="nl-NL" altLang="nl-NL"/>
          </a:p>
        </p:txBody>
      </p:sp>
      <p:pic>
        <p:nvPicPr>
          <p:cNvPr id="4" name="Picture 9">
            <a:extLst>
              <a:ext uri="{FF2B5EF4-FFF2-40B4-BE49-F238E27FC236}">
                <a16:creationId xmlns:a16="http://schemas.microsoft.com/office/drawing/2014/main" id="{A2A64451-1F2C-476E-937F-8E907E5AE306}"/>
              </a:ext>
            </a:extLst>
          </p:cNvPr>
          <p:cNvPicPr>
            <a:picLocks noChangeAspect="1"/>
          </p:cNvPicPr>
          <p:nvPr userDrawn="1"/>
        </p:nvPicPr>
        <p:blipFill>
          <a:blip r:embed="rId15">
            <a:extLst>
              <a:ext uri="{28A0092B-C50C-407E-A947-70E740481C1C}">
                <a14:useLocalDpi xmlns:a14="http://schemas.microsoft.com/office/drawing/2010/main" val="0"/>
              </a:ext>
            </a:extLst>
          </a:blip>
          <a:srcRect/>
          <a:stretch>
            <a:fillRect/>
          </a:stretch>
        </p:blipFill>
        <p:spPr bwMode="auto">
          <a:xfrm>
            <a:off x="10939463" y="6199188"/>
            <a:ext cx="1154112" cy="5984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 name="Tijdelijke aanduiding voor datum 3">
            <a:extLst>
              <a:ext uri="{FF2B5EF4-FFF2-40B4-BE49-F238E27FC236}">
                <a16:creationId xmlns:a16="http://schemas.microsoft.com/office/drawing/2014/main" id="{7AF74F37-9555-4F71-8CD7-EE564557B5E0}"/>
              </a:ext>
            </a:extLst>
          </p:cNvPr>
          <p:cNvSpPr>
            <a:spLocks noGrp="1"/>
          </p:cNvSpPr>
          <p:nvPr>
            <p:ph type="dt" sz="half" idx="2"/>
          </p:nvPr>
        </p:nvSpPr>
        <p:spPr>
          <a:xfrm>
            <a:off x="631825" y="6483046"/>
            <a:ext cx="832104"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lang="nl-NL" sz="700" smtClean="0">
                <a:solidFill>
                  <a:schemeClr val="tx2"/>
                </a:solidFill>
                <a:latin typeface="Arial" panose="020B0604020202020204" pitchFamily="34" charset="0"/>
                <a:cs typeface="Arial" panose="020B0604020202020204" pitchFamily="34" charset="0"/>
              </a:defRPr>
            </a:lvl1pPr>
          </a:lstStyle>
          <a:p>
            <a:fld id="{7678AA31-385E-486D-A654-59401A2A3B5E}" type="datetime1">
              <a:rPr lang="en-GB" smtClean="0"/>
              <a:pPr/>
              <a:t>23/05/2022</a:t>
            </a:fld>
            <a:endParaRPr lang="en-GB"/>
          </a:p>
        </p:txBody>
      </p:sp>
      <p:sp>
        <p:nvSpPr>
          <p:cNvPr id="6" name="Tijdelijke aanduiding voor voettekst 4">
            <a:extLst>
              <a:ext uri="{FF2B5EF4-FFF2-40B4-BE49-F238E27FC236}">
                <a16:creationId xmlns:a16="http://schemas.microsoft.com/office/drawing/2014/main" id="{E3A98EC9-551D-456A-AEEF-AFA8AEBD64C5}"/>
              </a:ext>
            </a:extLst>
          </p:cNvPr>
          <p:cNvSpPr>
            <a:spLocks noGrp="1"/>
          </p:cNvSpPr>
          <p:nvPr>
            <p:ph type="ftr" sz="quarter" idx="3"/>
          </p:nvPr>
        </p:nvSpPr>
        <p:spPr>
          <a:xfrm>
            <a:off x="1562356" y="6483045"/>
            <a:ext cx="8694253"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lang="nl-NL" sz="700">
                <a:solidFill>
                  <a:schemeClr val="tx2"/>
                </a:solidFill>
                <a:latin typeface="Arial" panose="020B0604020202020204" pitchFamily="34" charset="0"/>
                <a:cs typeface="Arial" panose="020B0604020202020204" pitchFamily="34" charset="0"/>
              </a:defRPr>
            </a:lvl1pPr>
          </a:lstStyle>
          <a:p>
            <a:endParaRPr lang="en-GB"/>
          </a:p>
        </p:txBody>
      </p:sp>
      <p:sp>
        <p:nvSpPr>
          <p:cNvPr id="7" name="Tijdelijke aanduiding voor dianummer 5">
            <a:extLst>
              <a:ext uri="{FF2B5EF4-FFF2-40B4-BE49-F238E27FC236}">
                <a16:creationId xmlns:a16="http://schemas.microsoft.com/office/drawing/2014/main" id="{67542B40-4943-4574-A4B5-BDC7E2560C8D}"/>
              </a:ext>
            </a:extLst>
          </p:cNvPr>
          <p:cNvSpPr>
            <a:spLocks noGrp="1"/>
          </p:cNvSpPr>
          <p:nvPr>
            <p:ph type="sldNum" sz="quarter" idx="4"/>
          </p:nvPr>
        </p:nvSpPr>
        <p:spPr>
          <a:xfrm>
            <a:off x="10355036" y="6483047"/>
            <a:ext cx="486000"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lgn="r">
              <a:defRPr lang="nl-NL" altLang="nl-NL" sz="700" smtClean="0">
                <a:solidFill>
                  <a:schemeClr val="tx2"/>
                </a:solidFill>
                <a:latin typeface="Arial" panose="020B0604020202020204" pitchFamily="34" charset="0"/>
                <a:cs typeface="Arial" panose="020B0604020202020204" pitchFamily="34" charset="0"/>
              </a:defRPr>
            </a:lvl1pPr>
          </a:lstStyle>
          <a:p>
            <a:fld id="{83D1311D-0AF4-BF42-8BF9-EAD1FE65203C}" type="slidenum">
              <a:rPr lang="en-GB" smtClean="0"/>
              <a:pPr/>
              <a:t>‹nr.›</a:t>
            </a:fld>
            <a:endParaRPr lang="en-GB"/>
          </a:p>
        </p:txBody>
      </p:sp>
    </p:spTree>
  </p:cSld>
  <p:clrMap bg1="lt1" tx1="dk1" bg2="lt2" tx2="dk2" accent1="accent1" accent2="accent2" accent3="accent3" accent4="accent4" accent5="accent5" accent6="accent6" hlink="hlink" folHlink="folHlink"/>
  <p:sldLayoutIdLst>
    <p:sldLayoutId id="2147483965" r:id="rId1"/>
    <p:sldLayoutId id="2147483981" r:id="rId2"/>
    <p:sldLayoutId id="2147483982" r:id="rId3"/>
    <p:sldLayoutId id="2147483983" r:id="rId4"/>
    <p:sldLayoutId id="2147483967" r:id="rId5"/>
    <p:sldLayoutId id="2147483966" r:id="rId6"/>
    <p:sldLayoutId id="2147483968" r:id="rId7"/>
    <p:sldLayoutId id="2147483972" r:id="rId8"/>
    <p:sldLayoutId id="2147483973" r:id="rId9"/>
    <p:sldLayoutId id="2147483969" r:id="rId10"/>
    <p:sldLayoutId id="2147483984" r:id="rId11"/>
    <p:sldLayoutId id="2147483970" r:id="rId12"/>
    <p:sldLayoutId id="2147483985" r:id="rId13"/>
  </p:sldLayoutIdLst>
  <p:hf hdr="0"/>
  <p:txStyles>
    <p:titleStyle>
      <a:lvl1pPr algn="l" rtl="0" eaLnBrk="0" fontAlgn="base" hangingPunct="0">
        <a:lnSpc>
          <a:spcPct val="90000"/>
        </a:lnSpc>
        <a:spcBef>
          <a:spcPct val="0"/>
        </a:spcBef>
        <a:spcAft>
          <a:spcPct val="0"/>
        </a:spcAft>
        <a:defRPr sz="4000" b="0" kern="1200" cap="all" spc="-150" baseline="0">
          <a:solidFill>
            <a:schemeClr val="tx2"/>
          </a:solidFill>
          <a:latin typeface="Arial Black" panose="020B0604020202020204" pitchFamily="34" charset="0"/>
          <a:ea typeface="Arial Black" panose="020B0604020202020204" pitchFamily="34" charset="0"/>
          <a:cs typeface="Arial Black" panose="020B0604020202020204" pitchFamily="34" charset="0"/>
        </a:defRPr>
      </a:lvl1pPr>
      <a:lvl2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2pPr>
      <a:lvl3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3pPr>
      <a:lvl4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4pPr>
      <a:lvl5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5pPr>
      <a:lvl6pPr marL="4572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6pPr>
      <a:lvl7pPr marL="9144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7pPr>
      <a:lvl8pPr marL="13716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8pPr>
      <a:lvl9pPr marL="18288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9pPr>
    </p:titleStyle>
    <p:bodyStyle>
      <a:lvl1pPr marL="228600" indent="-228600" algn="l" rtl="0" eaLnBrk="0" fontAlgn="base" hangingPunct="0">
        <a:lnSpc>
          <a:spcPct val="90000"/>
        </a:lnSpc>
        <a:spcBef>
          <a:spcPts val="1000"/>
        </a:spcBef>
        <a:spcAft>
          <a:spcPct val="0"/>
        </a:spcAft>
        <a:buFont typeface="Arial" panose="020B0604020202020204" pitchFamily="34" charset="0"/>
        <a:buChar char="•"/>
        <a:defRPr sz="2800" kern="1200">
          <a:solidFill>
            <a:schemeClr val="tx2"/>
          </a:solidFill>
          <a:latin typeface="Arial" panose="020B0604020202020204" pitchFamily="34" charset="0"/>
          <a:ea typeface="+mn-ea"/>
          <a:cs typeface="Arial" panose="020B0604020202020204" pitchFamily="34" charset="0"/>
        </a:defRPr>
      </a:lvl1pPr>
      <a:lvl2pPr marL="685800" indent="-228600" algn="l" rtl="0" eaLnBrk="0" fontAlgn="base" hangingPunct="0">
        <a:lnSpc>
          <a:spcPct val="90000"/>
        </a:lnSpc>
        <a:spcBef>
          <a:spcPts val="500"/>
        </a:spcBef>
        <a:spcAft>
          <a:spcPct val="0"/>
        </a:spcAft>
        <a:buFont typeface="Arial" panose="020B0604020202020204" pitchFamily="34" charset="0"/>
        <a:buChar char="•"/>
        <a:defRPr sz="2400" kern="1200">
          <a:solidFill>
            <a:schemeClr val="tx2"/>
          </a:solidFill>
          <a:latin typeface="Arial" panose="020B0604020202020204" pitchFamily="34" charset="0"/>
          <a:ea typeface="+mn-ea"/>
          <a:cs typeface="Arial" panose="020B0604020202020204" pitchFamily="34" charset="0"/>
        </a:defRPr>
      </a:lvl2pPr>
      <a:lvl3pPr marL="1143000" indent="-228600" algn="l" rtl="0" eaLnBrk="0" fontAlgn="base" hangingPunct="0">
        <a:lnSpc>
          <a:spcPct val="90000"/>
        </a:lnSpc>
        <a:spcBef>
          <a:spcPts val="500"/>
        </a:spcBef>
        <a:spcAft>
          <a:spcPct val="0"/>
        </a:spcAft>
        <a:buFont typeface="Arial" panose="020B0604020202020204" pitchFamily="34" charset="0"/>
        <a:buChar char="•"/>
        <a:defRPr sz="2000" kern="1200">
          <a:solidFill>
            <a:schemeClr val="tx2"/>
          </a:solidFill>
          <a:latin typeface="Arial" panose="020B0604020202020204" pitchFamily="34" charset="0"/>
          <a:ea typeface="+mn-ea"/>
          <a:cs typeface="Arial" panose="020B0604020202020204" pitchFamily="34" charset="0"/>
        </a:defRPr>
      </a:lvl3pPr>
      <a:lvl4pPr marL="16002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4pPr>
      <a:lvl5pPr marL="20574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xml"/><Relationship Id="rId1" Type="http://schemas.openxmlformats.org/officeDocument/2006/relationships/customXml" Target="../../customXml/item5.xml"/><Relationship Id="rId5" Type="http://schemas.openxmlformats.org/officeDocument/2006/relationships/image" Target="../media/image4.bin"/><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image" Target="../media/image8.jpg"/><Relationship Id="rId1" Type="http://schemas.openxmlformats.org/officeDocument/2006/relationships/slideLayout" Target="../slideLayouts/slideLayout9.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2" Type="http://schemas.openxmlformats.org/officeDocument/2006/relationships/chart" Target="../charts/chart4.xml"/><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3" Type="http://schemas.openxmlformats.org/officeDocument/2006/relationships/chart" Target="../charts/chart6.xml"/><Relationship Id="rId2" Type="http://schemas.openxmlformats.org/officeDocument/2006/relationships/chart" Target="../charts/chart5.xml"/><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image" Target="../media/image11.jpeg"/><Relationship Id="rId1" Type="http://schemas.openxmlformats.org/officeDocument/2006/relationships/slideLayout" Target="../slideLayouts/slideLayout6.xml"/><Relationship Id="rId4" Type="http://schemas.openxmlformats.org/officeDocument/2006/relationships/image" Target="../media/image13.jpeg"/></Relationships>
</file>

<file path=ppt/slides/_rels/slide17.xml.rels><?xml version="1.0" encoding="UTF-8" standalone="yes"?>
<Relationships xmlns="http://schemas.openxmlformats.org/package/2006/relationships"><Relationship Id="rId3" Type="http://schemas.openxmlformats.org/officeDocument/2006/relationships/image" Target="../media/image15.jpeg"/><Relationship Id="rId2" Type="http://schemas.openxmlformats.org/officeDocument/2006/relationships/image" Target="../media/image14.png"/><Relationship Id="rId1" Type="http://schemas.openxmlformats.org/officeDocument/2006/relationships/slideLayout" Target="../slideLayouts/slideLayout12.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2" Type="http://schemas.openxmlformats.org/officeDocument/2006/relationships/image" Target="../media/image16.jpg"/><Relationship Id="rId1" Type="http://schemas.openxmlformats.org/officeDocument/2006/relationships/slideLayout" Target="../slideLayouts/slideLayout1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3.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2" Type="http://schemas.openxmlformats.org/officeDocument/2006/relationships/image" Target="../media/image7.jpg"/><Relationship Id="rId1" Type="http://schemas.openxmlformats.org/officeDocument/2006/relationships/slideLayout" Target="../slideLayouts/slideLayout9.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8.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chart" Target="../charts/chart1.xml"/><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2" Type="http://schemas.openxmlformats.org/officeDocument/2006/relationships/chart" Target="../charts/chart3.xml"/><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8" name="Picture Placeholder 27">
            <a:extLst>
              <a:ext uri="{FF2B5EF4-FFF2-40B4-BE49-F238E27FC236}">
                <a16:creationId xmlns:a16="http://schemas.microsoft.com/office/drawing/2014/main" id="{0FA6A046-8CA9-4C4C-A8D8-3AEC2C257869}"/>
              </a:ext>
            </a:extLst>
          </p:cNvPr>
          <p:cNvPicPr>
            <a:picLocks noGrp="1" noChangeAspect="1" noChangeArrowheads="1"/>
          </p:cNvPicPr>
          <p:nvPr>
            <p:ph type="pic" sz="quarter" idx="13"/>
          </p:nvPr>
        </p:nvPicPr>
        <p:blipFill rotWithShape="1">
          <a:blip r:embed="rId5">
            <a:extLst>
              <a:ext uri="{28A0092B-C50C-407E-A947-70E740481C1C}">
                <a14:useLocalDpi xmlns:a14="http://schemas.microsoft.com/office/drawing/2010/main" val="0"/>
              </a:ext>
            </a:extLst>
          </a:blip>
          <a:srcRect t="44" b="44"/>
          <a:stretch/>
        </p:blipFill>
        <p:spPr bwMode="auto">
          <a:xfrm>
            <a:off x="60" y="34"/>
            <a:ext cx="12191941" cy="6857967"/>
          </a:xfr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0" name="Text Placeholder 19">
            <a:extLst>
              <a:ext uri="{FF2B5EF4-FFF2-40B4-BE49-F238E27FC236}">
                <a16:creationId xmlns:a16="http://schemas.microsoft.com/office/drawing/2014/main" id="{51EE55F8-D253-4CB0-AA42-F99F85012818}"/>
              </a:ext>
            </a:extLst>
          </p:cNvPr>
          <p:cNvSpPr>
            <a:spLocks noGrp="1"/>
          </p:cNvSpPr>
          <p:nvPr>
            <p:ph type="body" sz="quarter" idx="14"/>
          </p:nvPr>
        </p:nvSpPr>
        <p:spPr/>
        <p:txBody>
          <a:bodyPr/>
          <a:lstStyle/>
          <a:p>
            <a:endParaRPr lang="en-US" dirty="0"/>
          </a:p>
        </p:txBody>
      </p:sp>
      <p:sp>
        <p:nvSpPr>
          <p:cNvPr id="2" name="Title 1">
            <a:extLst>
              <a:ext uri="{FF2B5EF4-FFF2-40B4-BE49-F238E27FC236}">
                <a16:creationId xmlns:a16="http://schemas.microsoft.com/office/drawing/2014/main" id="{D455B6B7-A26E-45DC-9243-8EDD85EAA4E3}"/>
              </a:ext>
            </a:extLst>
          </p:cNvPr>
          <p:cNvSpPr>
            <a:spLocks noGrp="1"/>
          </p:cNvSpPr>
          <p:nvPr>
            <p:ph type="ctrTitle"/>
          </p:nvPr>
        </p:nvSpPr>
        <p:spPr>
          <a:xfrm>
            <a:off x="779489" y="551409"/>
            <a:ext cx="10061547" cy="962598"/>
          </a:xfrm>
        </p:spPr>
        <p:txBody>
          <a:bodyPr/>
          <a:lstStyle/>
          <a:p>
            <a:r>
              <a:rPr lang="en-US" dirty="0" smtClean="0">
                <a:latin typeface="Calibri Light" panose="020F0302020204030204" pitchFamily="34" charset="0"/>
                <a:cs typeface="Calibri Light" panose="020F0302020204030204" pitchFamily="34" charset="0"/>
              </a:rPr>
              <a:t>       </a:t>
            </a:r>
            <a:r>
              <a:rPr lang="en-US" dirty="0" err="1" smtClean="0">
                <a:latin typeface="Calibri Light" panose="020F0302020204030204" pitchFamily="34" charset="0"/>
                <a:cs typeface="Calibri Light" panose="020F0302020204030204" pitchFamily="34" charset="0"/>
              </a:rPr>
              <a:t>Spreken</a:t>
            </a:r>
            <a:r>
              <a:rPr lang="en-US" dirty="0" smtClean="0">
                <a:latin typeface="Calibri Light" panose="020F0302020204030204" pitchFamily="34" charset="0"/>
                <a:cs typeface="Calibri Light" panose="020F0302020204030204" pitchFamily="34" charset="0"/>
              </a:rPr>
              <a:t> we </a:t>
            </a:r>
            <a:r>
              <a:rPr lang="en-US" dirty="0" err="1" smtClean="0">
                <a:latin typeface="Calibri Light" panose="020F0302020204030204" pitchFamily="34" charset="0"/>
                <a:cs typeface="Calibri Light" panose="020F0302020204030204" pitchFamily="34" charset="0"/>
              </a:rPr>
              <a:t>dezelfde</a:t>
            </a:r>
            <a:r>
              <a:rPr lang="en-US" dirty="0" smtClean="0">
                <a:latin typeface="Calibri Light" panose="020F0302020204030204" pitchFamily="34" charset="0"/>
                <a:cs typeface="Calibri Light" panose="020F0302020204030204" pitchFamily="34" charset="0"/>
              </a:rPr>
              <a:t> </a:t>
            </a:r>
            <a:r>
              <a:rPr lang="en-US" dirty="0" err="1" smtClean="0">
                <a:latin typeface="Calibri Light" panose="020F0302020204030204" pitchFamily="34" charset="0"/>
                <a:cs typeface="Calibri Light" panose="020F0302020204030204" pitchFamily="34" charset="0"/>
              </a:rPr>
              <a:t>taal</a:t>
            </a:r>
            <a:r>
              <a:rPr lang="en-US" dirty="0" smtClean="0">
                <a:latin typeface="Calibri Light" panose="020F0302020204030204" pitchFamily="34" charset="0"/>
                <a:cs typeface="Calibri Light" panose="020F0302020204030204" pitchFamily="34" charset="0"/>
              </a:rPr>
              <a:t>?</a:t>
            </a:r>
            <a:endParaRPr lang="en-US" dirty="0">
              <a:latin typeface="Calibri Light" panose="020F0302020204030204" pitchFamily="34" charset="0"/>
              <a:cs typeface="Calibri Light" panose="020F0302020204030204" pitchFamily="34" charset="0"/>
            </a:endParaRPr>
          </a:p>
        </p:txBody>
      </p:sp>
      <p:sp>
        <p:nvSpPr>
          <p:cNvPr id="19" name="Subtitle 18">
            <a:extLst>
              <a:ext uri="{FF2B5EF4-FFF2-40B4-BE49-F238E27FC236}">
                <a16:creationId xmlns:a16="http://schemas.microsoft.com/office/drawing/2014/main" id="{CD1A757F-833E-4FD6-B47C-1B4CFA78799D}"/>
              </a:ext>
            </a:extLst>
          </p:cNvPr>
          <p:cNvSpPr>
            <a:spLocks noGrp="1"/>
          </p:cNvSpPr>
          <p:nvPr>
            <p:ph type="subTitle" idx="1"/>
          </p:nvPr>
        </p:nvSpPr>
        <p:spPr>
          <a:xfrm>
            <a:off x="631825" y="1379095"/>
            <a:ext cx="9531678" cy="3153491"/>
          </a:xfrm>
        </p:spPr>
        <p:txBody>
          <a:bodyPr/>
          <a:lstStyle/>
          <a:p>
            <a:r>
              <a:rPr lang="en-US" dirty="0" smtClean="0">
                <a:latin typeface="Calibri Light" panose="020F0302020204030204" pitchFamily="34" charset="0"/>
                <a:cs typeface="Calibri Light" panose="020F0302020204030204" pitchFamily="34" charset="0"/>
              </a:rPr>
              <a:t>                            </a:t>
            </a:r>
            <a:r>
              <a:rPr lang="en-US" dirty="0" err="1" smtClean="0">
                <a:latin typeface="Calibri Light" panose="020F0302020204030204" pitchFamily="34" charset="0"/>
                <a:cs typeface="Calibri Light" panose="020F0302020204030204" pitchFamily="34" charset="0"/>
              </a:rPr>
              <a:t>Laaggeletterdheid</a:t>
            </a:r>
            <a:r>
              <a:rPr lang="en-US" dirty="0" smtClean="0">
                <a:latin typeface="Calibri Light" panose="020F0302020204030204" pitchFamily="34" charset="0"/>
                <a:cs typeface="Calibri Light" panose="020F0302020204030204" pitchFamily="34" charset="0"/>
              </a:rPr>
              <a:t> </a:t>
            </a:r>
            <a:r>
              <a:rPr lang="en-US" dirty="0" err="1" smtClean="0">
                <a:latin typeface="Calibri Light" panose="020F0302020204030204" pitchFamily="34" charset="0"/>
                <a:cs typeface="Calibri Light" panose="020F0302020204030204" pitchFamily="34" charset="0"/>
              </a:rPr>
              <a:t>binnen</a:t>
            </a:r>
            <a:r>
              <a:rPr lang="en-US" dirty="0" smtClean="0">
                <a:latin typeface="Calibri Light" panose="020F0302020204030204" pitchFamily="34" charset="0"/>
                <a:cs typeface="Calibri Light" panose="020F0302020204030204" pitchFamily="34" charset="0"/>
              </a:rPr>
              <a:t> de </a:t>
            </a:r>
            <a:r>
              <a:rPr lang="en-US" dirty="0" err="1" smtClean="0">
                <a:latin typeface="Calibri Light" panose="020F0302020204030204" pitchFamily="34" charset="0"/>
                <a:cs typeface="Calibri Light" panose="020F0302020204030204" pitchFamily="34" charset="0"/>
              </a:rPr>
              <a:t>Ambulante</a:t>
            </a:r>
            <a:r>
              <a:rPr lang="en-US" dirty="0" smtClean="0">
                <a:latin typeface="Calibri Light" panose="020F0302020204030204" pitchFamily="34" charset="0"/>
                <a:cs typeface="Calibri Light" panose="020F0302020204030204" pitchFamily="34" charset="0"/>
              </a:rPr>
              <a:t> </a:t>
            </a:r>
            <a:r>
              <a:rPr lang="en-US" dirty="0" err="1" smtClean="0">
                <a:latin typeface="Calibri Light" panose="020F0302020204030204" pitchFamily="34" charset="0"/>
                <a:cs typeface="Calibri Light" panose="020F0302020204030204" pitchFamily="34" charset="0"/>
              </a:rPr>
              <a:t>zorg</a:t>
            </a:r>
            <a:r>
              <a:rPr lang="en-US" dirty="0" smtClean="0">
                <a:latin typeface="Calibri Light" panose="020F0302020204030204" pitchFamily="34" charset="0"/>
                <a:cs typeface="Calibri Light" panose="020F0302020204030204" pitchFamily="34" charset="0"/>
              </a:rPr>
              <a:t>; </a:t>
            </a:r>
            <a:r>
              <a:rPr lang="en-US" dirty="0" err="1" smtClean="0">
                <a:latin typeface="Calibri Light" panose="020F0302020204030204" pitchFamily="34" charset="0"/>
                <a:cs typeface="Calibri Light" panose="020F0302020204030204" pitchFamily="34" charset="0"/>
              </a:rPr>
              <a:t>Thema</a:t>
            </a:r>
            <a:r>
              <a:rPr lang="en-US" dirty="0" smtClean="0">
                <a:latin typeface="Calibri Light" panose="020F0302020204030204" pitchFamily="34" charset="0"/>
                <a:cs typeface="Calibri Light" panose="020F0302020204030204" pitchFamily="34" charset="0"/>
              </a:rPr>
              <a:t> Daniel</a:t>
            </a:r>
            <a:endParaRPr lang="en-US" dirty="0">
              <a:latin typeface="Calibri Light" panose="020F0302020204030204" pitchFamily="34" charset="0"/>
              <a:cs typeface="Calibri Light" panose="020F0302020204030204" pitchFamily="34" charset="0"/>
            </a:endParaRPr>
          </a:p>
        </p:txBody>
      </p:sp>
      <p:sp>
        <p:nvSpPr>
          <p:cNvPr id="8" name="Date Placeholder 7">
            <a:extLst>
              <a:ext uri="{FF2B5EF4-FFF2-40B4-BE49-F238E27FC236}">
                <a16:creationId xmlns:a16="http://schemas.microsoft.com/office/drawing/2014/main" id="{821C45EB-6136-4049-9619-4527F3AB04A4}"/>
              </a:ext>
            </a:extLst>
          </p:cNvPr>
          <p:cNvSpPr>
            <a:spLocks noGrp="1"/>
          </p:cNvSpPr>
          <p:nvPr>
            <p:ph type="dt" sz="half" idx="10"/>
          </p:nvPr>
        </p:nvSpPr>
        <p:spPr>
          <a:xfrm>
            <a:off x="631825" y="7165952"/>
            <a:ext cx="832104" cy="200055"/>
          </a:xfrm>
        </p:spPr>
        <p:txBody>
          <a:bodyPr/>
          <a:lstStyle/>
          <a:p>
            <a:fld id="{AEC55F2D-BC8C-4A04-B65B-D61292840F6C}" type="datetime1">
              <a:rPr lang="en-GB"/>
              <a:pPr/>
              <a:t>23/05/2022</a:t>
            </a:fld>
            <a:endParaRPr lang="en-GB"/>
          </a:p>
        </p:txBody>
      </p:sp>
      <p:sp>
        <p:nvSpPr>
          <p:cNvPr id="9" name="Footer Placeholder 8">
            <a:extLst>
              <a:ext uri="{FF2B5EF4-FFF2-40B4-BE49-F238E27FC236}">
                <a16:creationId xmlns:a16="http://schemas.microsoft.com/office/drawing/2014/main" id="{42EA2FEE-8E4B-4429-9680-697B25FC83C4}"/>
              </a:ext>
            </a:extLst>
          </p:cNvPr>
          <p:cNvSpPr>
            <a:spLocks noGrp="1"/>
          </p:cNvSpPr>
          <p:nvPr>
            <p:ph type="ftr" sz="quarter" idx="11"/>
          </p:nvPr>
        </p:nvSpPr>
        <p:spPr>
          <a:xfrm>
            <a:off x="1562356" y="7165951"/>
            <a:ext cx="8694253" cy="200055"/>
          </a:xfrm>
        </p:spPr>
        <p:txBody>
          <a:bodyPr/>
          <a:lstStyle/>
          <a:p>
            <a:endParaRPr lang="en-GB" dirty="0"/>
          </a:p>
        </p:txBody>
      </p:sp>
      <p:sp>
        <p:nvSpPr>
          <p:cNvPr id="3" name="Slide Number Placeholder 2">
            <a:extLst>
              <a:ext uri="{FF2B5EF4-FFF2-40B4-BE49-F238E27FC236}">
                <a16:creationId xmlns:a16="http://schemas.microsoft.com/office/drawing/2014/main" id="{3028845E-E658-44BC-9FB3-832464F6C378}"/>
              </a:ext>
            </a:extLst>
          </p:cNvPr>
          <p:cNvSpPr>
            <a:spLocks noGrp="1"/>
          </p:cNvSpPr>
          <p:nvPr>
            <p:ph type="sldNum" sz="quarter" idx="12"/>
          </p:nvPr>
        </p:nvSpPr>
        <p:spPr>
          <a:xfrm>
            <a:off x="10355036" y="7165953"/>
            <a:ext cx="486000" cy="200055"/>
          </a:xfrm>
        </p:spPr>
        <p:txBody>
          <a:bodyPr/>
          <a:lstStyle/>
          <a:p>
            <a:fld id="{83D1311D-0AF4-BF42-8BF9-EAD1FE65203C}" type="slidenum">
              <a:rPr lang="en-GB"/>
              <a:pPr/>
              <a:t>1</a:t>
            </a:fld>
            <a:endParaRPr lang="en-GB"/>
          </a:p>
        </p:txBody>
      </p:sp>
      <p:sp>
        <p:nvSpPr>
          <p:cNvPr id="21" name="Text Placeholder 20">
            <a:extLst>
              <a:ext uri="{FF2B5EF4-FFF2-40B4-BE49-F238E27FC236}">
                <a16:creationId xmlns:a16="http://schemas.microsoft.com/office/drawing/2014/main" id="{242F5BCB-1725-41D6-ADA5-844BD3B98D96}"/>
              </a:ext>
            </a:extLst>
          </p:cNvPr>
          <p:cNvSpPr>
            <a:spLocks noGrp="1"/>
          </p:cNvSpPr>
          <p:nvPr>
            <p:ph type="body" sz="quarter" idx="15"/>
          </p:nvPr>
        </p:nvSpPr>
        <p:spPr/>
        <p:txBody>
          <a:bodyPr/>
          <a:lstStyle/>
          <a:p>
            <a:endParaRPr lang="en-US"/>
          </a:p>
        </p:txBody>
      </p:sp>
    </p:spTree>
    <p:custDataLst>
      <p:custData r:id="rId1"/>
      <p:custData r:id="rId2"/>
    </p:custDataLst>
    <p:extLst>
      <p:ext uri="{BB962C8B-B14F-4D97-AF65-F5344CB8AC3E}">
        <p14:creationId xmlns:p14="http://schemas.microsoft.com/office/powerpoint/2010/main" val="154583059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631825" y="939338"/>
            <a:ext cx="10987955" cy="365760"/>
          </a:xfrm>
        </p:spPr>
        <p:txBody>
          <a:bodyPr>
            <a:noAutofit/>
          </a:bodyPr>
          <a:lstStyle/>
          <a:p>
            <a:r>
              <a:rPr lang="nl-NL" dirty="0"/>
              <a:t>K</a:t>
            </a:r>
            <a:r>
              <a:rPr lang="nl-NL" dirty="0" smtClean="0"/>
              <a:t>enmerken die gerelateerd zijn aan  laaggeletterdheid</a:t>
            </a:r>
            <a:endParaRPr lang="nl-NL" dirty="0"/>
          </a:p>
        </p:txBody>
      </p:sp>
      <p:sp>
        <p:nvSpPr>
          <p:cNvPr id="4" name="Text Placeholder 3"/>
          <p:cNvSpPr>
            <a:spLocks noGrp="1"/>
          </p:cNvSpPr>
          <p:nvPr>
            <p:ph type="body" sz="half" idx="2"/>
          </p:nvPr>
        </p:nvSpPr>
        <p:spPr>
          <a:xfrm>
            <a:off x="631826" y="2057400"/>
            <a:ext cx="5432544" cy="3811588"/>
          </a:xfrm>
        </p:spPr>
        <p:txBody>
          <a:bodyPr/>
          <a:lstStyle/>
          <a:p>
            <a:r>
              <a:rPr lang="nl-NL" dirty="0" smtClean="0"/>
              <a:t>Slechtere gezondheid onder mensen met chronische ziekte</a:t>
            </a:r>
          </a:p>
          <a:p>
            <a:r>
              <a:rPr lang="nl-NL" dirty="0" smtClean="0"/>
              <a:t>Onjuist medicijngebruik</a:t>
            </a:r>
          </a:p>
          <a:p>
            <a:r>
              <a:rPr lang="nl-NL" dirty="0" smtClean="0"/>
              <a:t>Maken méér gebruik van huisartsenzorg</a:t>
            </a:r>
          </a:p>
          <a:p>
            <a:r>
              <a:rPr lang="nl-NL" dirty="0" smtClean="0"/>
              <a:t>Minder gezondheidsvaardigheden</a:t>
            </a:r>
          </a:p>
          <a:p>
            <a:r>
              <a:rPr lang="nl-NL" dirty="0" smtClean="0"/>
              <a:t>Minder gezonde leefstijl </a:t>
            </a:r>
          </a:p>
          <a:p>
            <a:r>
              <a:rPr lang="nl-NL" dirty="0" smtClean="0"/>
              <a:t>Maken minder gebruik van preventieve- en nazorg</a:t>
            </a:r>
            <a:endParaRPr lang="nl-NL" dirty="0"/>
          </a:p>
        </p:txBody>
      </p:sp>
      <p:sp>
        <p:nvSpPr>
          <p:cNvPr id="5" name="Date Placeholder 4"/>
          <p:cNvSpPr>
            <a:spLocks noGrp="1"/>
          </p:cNvSpPr>
          <p:nvPr>
            <p:ph type="dt" sz="half" idx="10"/>
          </p:nvPr>
        </p:nvSpPr>
        <p:spPr/>
        <p:txBody>
          <a:bodyPr/>
          <a:lstStyle/>
          <a:p>
            <a:fld id="{8D2B81A2-5B81-4A11-B009-4CA1936816F2}" type="datetime1">
              <a:rPr lang="en-GB" smtClean="0"/>
              <a:t>23/05/2022</a:t>
            </a:fld>
            <a:endParaRPr lang="en-GB"/>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83D1311D-0AF4-BF42-8BF9-EAD1FE65203C}" type="slidenum">
              <a:rPr lang="en-GB" smtClean="0"/>
              <a:pPr/>
              <a:t>10</a:t>
            </a:fld>
            <a:endParaRPr lang="en-GB"/>
          </a:p>
        </p:txBody>
      </p:sp>
      <p:pic>
        <p:nvPicPr>
          <p:cNvPr id="10" name="Tijdelijke aanduiding voor afbeelding 9"/>
          <p:cNvPicPr>
            <a:picLocks noGrp="1" noChangeAspect="1"/>
          </p:cNvPicPr>
          <p:nvPr>
            <p:ph type="pic" idx="1"/>
          </p:nvPr>
        </p:nvPicPr>
        <p:blipFill>
          <a:blip r:embed="rId2">
            <a:extLst>
              <a:ext uri="{28A0092B-C50C-407E-A947-70E740481C1C}">
                <a14:useLocalDpi xmlns:a14="http://schemas.microsoft.com/office/drawing/2010/main" val="0"/>
              </a:ext>
            </a:extLst>
          </a:blip>
          <a:srcRect l="12991" r="12991"/>
          <a:stretch>
            <a:fillRect/>
          </a:stretch>
        </p:blipFill>
        <p:spPr>
          <a:xfrm>
            <a:off x="6728603" y="1543187"/>
            <a:ext cx="4569632" cy="4432364"/>
          </a:xfrm>
        </p:spPr>
      </p:pic>
    </p:spTree>
    <p:extLst>
      <p:ext uri="{BB962C8B-B14F-4D97-AF65-F5344CB8AC3E}">
        <p14:creationId xmlns:p14="http://schemas.microsoft.com/office/powerpoint/2010/main" val="61323652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631824" y="457200"/>
            <a:ext cx="10209211" cy="986142"/>
          </a:xfrm>
        </p:spPr>
        <p:txBody>
          <a:bodyPr>
            <a:noAutofit/>
          </a:bodyPr>
          <a:lstStyle/>
          <a:p>
            <a:r>
              <a:rPr lang="nl-NL" dirty="0" smtClean="0"/>
              <a:t>Uitkomsten </a:t>
            </a:r>
            <a:r>
              <a:rPr lang="nl-NL" dirty="0" smtClean="0"/>
              <a:t>vragenlijst n=21</a:t>
            </a:r>
            <a:endParaRPr lang="nl-NL" dirty="0"/>
          </a:p>
        </p:txBody>
      </p:sp>
      <p:graphicFrame>
        <p:nvGraphicFramePr>
          <p:cNvPr id="8" name="Tijdelijke aanduiding voor inhoud 7"/>
          <p:cNvGraphicFramePr>
            <a:graphicFrameLocks noGrp="1"/>
          </p:cNvGraphicFramePr>
          <p:nvPr>
            <p:ph idx="1"/>
            <p:extLst>
              <p:ext uri="{D42A27DB-BD31-4B8C-83A1-F6EECF244321}">
                <p14:modId xmlns:p14="http://schemas.microsoft.com/office/powerpoint/2010/main" val="3215650008"/>
              </p:ext>
            </p:extLst>
          </p:nvPr>
        </p:nvGraphicFramePr>
        <p:xfrm>
          <a:off x="6337869" y="2586789"/>
          <a:ext cx="5385428" cy="2235200"/>
        </p:xfrm>
        <a:graphic>
          <a:graphicData uri="http://schemas.openxmlformats.org/drawingml/2006/table">
            <a:tbl>
              <a:tblPr>
                <a:tableStyleId>{5C22544A-7EE6-4342-B048-85BDC9FD1C3A}</a:tableStyleId>
              </a:tblPr>
              <a:tblGrid>
                <a:gridCol w="558620">
                  <a:extLst>
                    <a:ext uri="{9D8B030D-6E8A-4147-A177-3AD203B41FA5}">
                      <a16:colId xmlns:a16="http://schemas.microsoft.com/office/drawing/2014/main" val="20000"/>
                    </a:ext>
                  </a:extLst>
                </a:gridCol>
                <a:gridCol w="808296">
                  <a:extLst>
                    <a:ext uri="{9D8B030D-6E8A-4147-A177-3AD203B41FA5}">
                      <a16:colId xmlns:a16="http://schemas.microsoft.com/office/drawing/2014/main" val="20001"/>
                    </a:ext>
                  </a:extLst>
                </a:gridCol>
                <a:gridCol w="808296">
                  <a:extLst>
                    <a:ext uri="{9D8B030D-6E8A-4147-A177-3AD203B41FA5}">
                      <a16:colId xmlns:a16="http://schemas.microsoft.com/office/drawing/2014/main" val="20002"/>
                    </a:ext>
                  </a:extLst>
                </a:gridCol>
                <a:gridCol w="978698">
                  <a:extLst>
                    <a:ext uri="{9D8B030D-6E8A-4147-A177-3AD203B41FA5}">
                      <a16:colId xmlns:a16="http://schemas.microsoft.com/office/drawing/2014/main" val="20003"/>
                    </a:ext>
                  </a:extLst>
                </a:gridCol>
                <a:gridCol w="1115759">
                  <a:extLst>
                    <a:ext uri="{9D8B030D-6E8A-4147-A177-3AD203B41FA5}">
                      <a16:colId xmlns:a16="http://schemas.microsoft.com/office/drawing/2014/main" val="20004"/>
                    </a:ext>
                  </a:extLst>
                </a:gridCol>
                <a:gridCol w="1115759">
                  <a:extLst>
                    <a:ext uri="{9D8B030D-6E8A-4147-A177-3AD203B41FA5}">
                      <a16:colId xmlns:a16="http://schemas.microsoft.com/office/drawing/2014/main" val="20005"/>
                    </a:ext>
                  </a:extLst>
                </a:gridCol>
              </a:tblGrid>
              <a:tr h="0">
                <a:tc gridSpan="6">
                  <a:txBody>
                    <a:bodyPr/>
                    <a:lstStyle/>
                    <a:p>
                      <a:pPr marL="38100" marR="38100" algn="ctr">
                        <a:lnSpc>
                          <a:spcPts val="1600"/>
                        </a:lnSpc>
                        <a:spcAft>
                          <a:spcPts val="0"/>
                        </a:spcAft>
                      </a:pPr>
                      <a:r>
                        <a:rPr lang="nl-NL" sz="1400" dirty="0">
                          <a:effectLst/>
                        </a:rPr>
                        <a:t>Op een schaal van 0 tot 10, hoe toegerust voel je je om laaggeletterde </a:t>
                      </a:r>
                      <a:r>
                        <a:rPr lang="nl-NL" sz="1400" dirty="0" smtClean="0">
                          <a:effectLst/>
                        </a:rPr>
                        <a:t>patiënten </a:t>
                      </a:r>
                      <a:r>
                        <a:rPr lang="nl-NL" sz="1400" dirty="0">
                          <a:effectLst/>
                        </a:rPr>
                        <a:t>te woord te staan</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ctr"/>
                </a:tc>
                <a:tc hMerge="1">
                  <a:txBody>
                    <a:bodyPr/>
                    <a:lstStyle/>
                    <a:p>
                      <a:endParaRPr lang="nl-NL"/>
                    </a:p>
                  </a:txBody>
                  <a:tcPr/>
                </a:tc>
                <a:tc hMerge="1">
                  <a:txBody>
                    <a:bodyPr/>
                    <a:lstStyle/>
                    <a:p>
                      <a:endParaRPr lang="nl-NL"/>
                    </a:p>
                  </a:txBody>
                  <a:tcPr/>
                </a:tc>
                <a:tc hMerge="1">
                  <a:txBody>
                    <a:bodyPr/>
                    <a:lstStyle/>
                    <a:p>
                      <a:endParaRPr lang="nl-NL"/>
                    </a:p>
                  </a:txBody>
                  <a:tcPr/>
                </a:tc>
                <a:tc hMerge="1">
                  <a:txBody>
                    <a:bodyPr/>
                    <a:lstStyle/>
                    <a:p>
                      <a:endParaRPr lang="nl-NL"/>
                    </a:p>
                  </a:txBody>
                  <a:tcPr/>
                </a:tc>
                <a:tc hMerge="1">
                  <a:txBody>
                    <a:bodyPr/>
                    <a:lstStyle/>
                    <a:p>
                      <a:endParaRPr lang="nl-NL"/>
                    </a:p>
                  </a:txBody>
                  <a:tcPr/>
                </a:tc>
                <a:extLst>
                  <a:ext uri="{0D108BD9-81ED-4DB2-BD59-A6C34878D82A}">
                    <a16:rowId xmlns:a16="http://schemas.microsoft.com/office/drawing/2014/main" val="10000"/>
                  </a:ext>
                </a:extLst>
              </a:tr>
              <a:tr h="0">
                <a:tc gridSpan="2">
                  <a:txBody>
                    <a:bodyPr/>
                    <a:lstStyle/>
                    <a:p>
                      <a:pPr>
                        <a:lnSpc>
                          <a:spcPct val="107000"/>
                        </a:lnSpc>
                        <a:spcAft>
                          <a:spcPts val="0"/>
                        </a:spcAft>
                      </a:pPr>
                      <a:r>
                        <a:rPr lang="nl-NL" sz="1200">
                          <a:effectLst/>
                        </a:rPr>
                        <a:t> </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hMerge="1">
                  <a:txBody>
                    <a:bodyPr/>
                    <a:lstStyle/>
                    <a:p>
                      <a:endParaRPr lang="nl-NL"/>
                    </a:p>
                  </a:txBody>
                  <a:tcPr/>
                </a:tc>
                <a:tc>
                  <a:txBody>
                    <a:bodyPr/>
                    <a:lstStyle/>
                    <a:p>
                      <a:pPr marL="38100" marR="38100" algn="ctr">
                        <a:lnSpc>
                          <a:spcPts val="1600"/>
                        </a:lnSpc>
                        <a:spcAft>
                          <a:spcPts val="0"/>
                        </a:spcAft>
                      </a:pPr>
                      <a:r>
                        <a:rPr lang="nl-NL" sz="1200">
                          <a:effectLst/>
                        </a:rPr>
                        <a:t>Frequency</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Valid 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Cumulative 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extLst>
                  <a:ext uri="{0D108BD9-81ED-4DB2-BD59-A6C34878D82A}">
                    <a16:rowId xmlns:a16="http://schemas.microsoft.com/office/drawing/2014/main" val="10001"/>
                  </a:ext>
                </a:extLst>
              </a:tr>
              <a:tr h="0">
                <a:tc rowSpan="7">
                  <a:txBody>
                    <a:bodyPr/>
                    <a:lstStyle/>
                    <a:p>
                      <a:pPr marL="38100" marR="38100">
                        <a:lnSpc>
                          <a:spcPts val="1600"/>
                        </a:lnSpc>
                        <a:spcAft>
                          <a:spcPts val="0"/>
                        </a:spcAft>
                      </a:pPr>
                      <a:r>
                        <a:rPr lang="nl-NL" sz="1200">
                          <a:effectLst/>
                        </a:rPr>
                        <a:t>Valid</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nSpc>
                          <a:spcPts val="1600"/>
                        </a:lnSpc>
                        <a:spcAft>
                          <a:spcPts val="0"/>
                        </a:spcAft>
                      </a:pPr>
                      <a:r>
                        <a:rPr lang="nl-NL" sz="1200">
                          <a:effectLst/>
                        </a:rPr>
                        <a:t>2</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4,8</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4,8</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4,8</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2"/>
                  </a:ext>
                </a:extLst>
              </a:tr>
              <a:tr h="0">
                <a:tc vMerge="1">
                  <a:txBody>
                    <a:bodyPr/>
                    <a:lstStyle/>
                    <a:p>
                      <a:endParaRPr lang="nl-NL"/>
                    </a:p>
                  </a:txBody>
                  <a:tcPr/>
                </a:tc>
                <a:tc>
                  <a:txBody>
                    <a:bodyPr/>
                    <a:lstStyle/>
                    <a:p>
                      <a:pPr marL="38100" marR="38100">
                        <a:lnSpc>
                          <a:spcPts val="1600"/>
                        </a:lnSpc>
                        <a:spcAft>
                          <a:spcPts val="0"/>
                        </a:spcAft>
                      </a:pPr>
                      <a:r>
                        <a:rPr lang="nl-NL" sz="1200">
                          <a:effectLst/>
                        </a:rPr>
                        <a:t>4</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9,5</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9,5</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4,3</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3"/>
                  </a:ext>
                </a:extLst>
              </a:tr>
              <a:tr h="0">
                <a:tc vMerge="1">
                  <a:txBody>
                    <a:bodyPr/>
                    <a:lstStyle/>
                    <a:p>
                      <a:endParaRPr lang="nl-NL"/>
                    </a:p>
                  </a:txBody>
                  <a:tcPr/>
                </a:tc>
                <a:tc>
                  <a:txBody>
                    <a:bodyPr/>
                    <a:lstStyle/>
                    <a:p>
                      <a:pPr marL="38100" marR="38100">
                        <a:lnSpc>
                          <a:spcPts val="1600"/>
                        </a:lnSpc>
                        <a:spcAft>
                          <a:spcPts val="0"/>
                        </a:spcAft>
                      </a:pPr>
                      <a:r>
                        <a:rPr lang="nl-NL" sz="1200" dirty="0">
                          <a:effectLst/>
                        </a:rPr>
                        <a:t>5</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3</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4,3</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4,3</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8,6</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4"/>
                  </a:ext>
                </a:extLst>
              </a:tr>
              <a:tr h="0">
                <a:tc vMerge="1">
                  <a:txBody>
                    <a:bodyPr/>
                    <a:lstStyle/>
                    <a:p>
                      <a:endParaRPr lang="nl-NL"/>
                    </a:p>
                  </a:txBody>
                  <a:tcPr/>
                </a:tc>
                <a:tc>
                  <a:txBody>
                    <a:bodyPr/>
                    <a:lstStyle/>
                    <a:p>
                      <a:pPr marL="38100" marR="38100">
                        <a:lnSpc>
                          <a:spcPts val="1600"/>
                        </a:lnSpc>
                        <a:spcAft>
                          <a:spcPts val="0"/>
                        </a:spcAft>
                      </a:pPr>
                      <a:r>
                        <a:rPr lang="nl-NL" sz="1200" dirty="0">
                          <a:effectLst/>
                        </a:rPr>
                        <a:t>6</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6</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28,6</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8,6</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57,1</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solidFill>
                      <a:schemeClr val="accent2"/>
                    </a:solidFill>
                  </a:tcPr>
                </a:tc>
                <a:extLst>
                  <a:ext uri="{0D108BD9-81ED-4DB2-BD59-A6C34878D82A}">
                    <a16:rowId xmlns:a16="http://schemas.microsoft.com/office/drawing/2014/main" val="10005"/>
                  </a:ext>
                </a:extLst>
              </a:tr>
              <a:tr h="0">
                <a:tc vMerge="1">
                  <a:txBody>
                    <a:bodyPr/>
                    <a:lstStyle/>
                    <a:p>
                      <a:endParaRPr lang="nl-NL"/>
                    </a:p>
                  </a:txBody>
                  <a:tcPr/>
                </a:tc>
                <a:tc>
                  <a:txBody>
                    <a:bodyPr/>
                    <a:lstStyle/>
                    <a:p>
                      <a:pPr marL="38100" marR="38100">
                        <a:lnSpc>
                          <a:spcPts val="1600"/>
                        </a:lnSpc>
                        <a:spcAft>
                          <a:spcPts val="0"/>
                        </a:spcAft>
                      </a:pPr>
                      <a:r>
                        <a:rPr lang="nl-NL" sz="1200" dirty="0">
                          <a:effectLst/>
                        </a:rPr>
                        <a:t>7</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5</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3,8</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3,8</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81,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6"/>
                  </a:ext>
                </a:extLst>
              </a:tr>
              <a:tr h="0">
                <a:tc vMerge="1">
                  <a:txBody>
                    <a:bodyPr/>
                    <a:lstStyle/>
                    <a:p>
                      <a:endParaRPr lang="nl-NL"/>
                    </a:p>
                  </a:txBody>
                  <a:tcPr/>
                </a:tc>
                <a:tc>
                  <a:txBody>
                    <a:bodyPr/>
                    <a:lstStyle/>
                    <a:p>
                      <a:pPr marL="38100" marR="38100">
                        <a:lnSpc>
                          <a:spcPts val="1600"/>
                        </a:lnSpc>
                        <a:spcAft>
                          <a:spcPts val="0"/>
                        </a:spcAft>
                      </a:pPr>
                      <a:r>
                        <a:rPr lang="nl-NL" sz="1200" dirty="0">
                          <a:effectLst/>
                        </a:rPr>
                        <a:t>8</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4</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9,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9,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00,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7"/>
                  </a:ext>
                </a:extLst>
              </a:tr>
              <a:tr h="0">
                <a:tc vMerge="1">
                  <a:txBody>
                    <a:bodyPr/>
                    <a:lstStyle/>
                    <a:p>
                      <a:endParaRPr lang="nl-NL"/>
                    </a:p>
                  </a:txBody>
                  <a:tcPr/>
                </a:tc>
                <a:tc>
                  <a:txBody>
                    <a:bodyPr/>
                    <a:lstStyle/>
                    <a:p>
                      <a:pPr marL="38100" marR="38100">
                        <a:lnSpc>
                          <a:spcPts val="1600"/>
                        </a:lnSpc>
                        <a:spcAft>
                          <a:spcPts val="0"/>
                        </a:spcAft>
                      </a:pPr>
                      <a:r>
                        <a:rPr lang="nl-NL" sz="1200" dirty="0">
                          <a:effectLst/>
                        </a:rPr>
                        <a:t>Total</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1</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00,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00,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a:lnSpc>
                          <a:spcPct val="107000"/>
                        </a:lnSpc>
                        <a:spcAft>
                          <a:spcPts val="0"/>
                        </a:spcAft>
                      </a:pPr>
                      <a:r>
                        <a:rPr lang="nl-NL" sz="1200" dirty="0">
                          <a:effectLst/>
                        </a:rPr>
                        <a:t> </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ctr"/>
                </a:tc>
                <a:extLst>
                  <a:ext uri="{0D108BD9-81ED-4DB2-BD59-A6C34878D82A}">
                    <a16:rowId xmlns:a16="http://schemas.microsoft.com/office/drawing/2014/main" val="10008"/>
                  </a:ext>
                </a:extLst>
              </a:tr>
            </a:tbl>
          </a:graphicData>
        </a:graphic>
      </p:graphicFrame>
      <p:sp>
        <p:nvSpPr>
          <p:cNvPr id="4" name="Text Placeholder 3"/>
          <p:cNvSpPr>
            <a:spLocks noGrp="1"/>
          </p:cNvSpPr>
          <p:nvPr>
            <p:ph type="body" sz="half" idx="2"/>
          </p:nvPr>
        </p:nvSpPr>
        <p:spPr>
          <a:xfrm>
            <a:off x="631825" y="2057400"/>
            <a:ext cx="5536061" cy="3811588"/>
          </a:xfrm>
        </p:spPr>
        <p:txBody>
          <a:bodyPr/>
          <a:lstStyle/>
          <a:p>
            <a:pPr marL="171450" indent="-171450" algn="just">
              <a:buFont typeface="Arial" panose="020B0604020202020204" pitchFamily="34" charset="0"/>
              <a:buChar char="•"/>
            </a:pPr>
            <a:r>
              <a:rPr lang="nl-NL" sz="1200" dirty="0" smtClean="0"/>
              <a:t>Bijna </a:t>
            </a:r>
            <a:r>
              <a:rPr lang="nl-NL" sz="1200" dirty="0" smtClean="0"/>
              <a:t>alle verpleegkundigen en verpleegkundig specialisten geven aan te weten wat laaggeletterdheid betekent (85,7%).</a:t>
            </a:r>
          </a:p>
          <a:p>
            <a:pPr marL="171450" indent="-171450" algn="just">
              <a:buFont typeface="Arial" panose="020B0604020202020204" pitchFamily="34" charset="0"/>
              <a:buChar char="•"/>
            </a:pPr>
            <a:r>
              <a:rPr lang="nl-NL" sz="1200" dirty="0" smtClean="0"/>
              <a:t>Op de vraag; “Herken je een laaggeletterde patiënt”, heeft (N=16) 47,6% ja ingevuld</a:t>
            </a:r>
            <a:r>
              <a:rPr lang="nl-NL" sz="1200" dirty="0"/>
              <a:t>. </a:t>
            </a:r>
            <a:endParaRPr lang="nl-NL" sz="1200" dirty="0" smtClean="0"/>
          </a:p>
          <a:p>
            <a:pPr marL="171450" indent="-171450" algn="just">
              <a:buFont typeface="Arial" panose="020B0604020202020204" pitchFamily="34" charset="0"/>
              <a:buChar char="•"/>
            </a:pPr>
            <a:r>
              <a:rPr lang="nl-NL" sz="1200" dirty="0" smtClean="0"/>
              <a:t>Van alle respondenten zegt 85,7 % haar gesprekstechnieken aan te passen en 100% past haar taalgebruik aan. </a:t>
            </a:r>
          </a:p>
          <a:p>
            <a:pPr marL="171450" indent="-171450" algn="just">
              <a:buFont typeface="Arial" panose="020B0604020202020204" pitchFamily="34" charset="0"/>
              <a:buChar char="•"/>
            </a:pPr>
            <a:r>
              <a:rPr lang="nl-NL" sz="1200" dirty="0" smtClean="0"/>
              <a:t>Op de vraag of men in de afgelopen maand gebruik heeft gemaakt van een hulpmiddel of-middelen geeft 9,5 % aan dit 11 of meer keer te hebben gedaan. </a:t>
            </a:r>
          </a:p>
          <a:p>
            <a:pPr marL="171450" indent="-171450" algn="just">
              <a:lnSpc>
                <a:spcPct val="100000"/>
              </a:lnSpc>
              <a:buFont typeface="Arial" panose="020B0604020202020204" pitchFamily="34" charset="0"/>
              <a:buChar char="•"/>
            </a:pPr>
            <a:r>
              <a:rPr lang="nl-NL" sz="1200" dirty="0" smtClean="0"/>
              <a:t>Van alle respondenten zegt 52,4 % de </a:t>
            </a:r>
            <a:r>
              <a:rPr lang="nl-NL" sz="1200" dirty="0" err="1" smtClean="0"/>
              <a:t>teach</a:t>
            </a:r>
            <a:r>
              <a:rPr lang="nl-NL" sz="1200" dirty="0" smtClean="0"/>
              <a:t>-back methode toe te passen. </a:t>
            </a:r>
            <a:r>
              <a:rPr lang="nl-NL" sz="1200" dirty="0"/>
              <a:t>O</a:t>
            </a:r>
            <a:r>
              <a:rPr lang="nl-NL" sz="1200" dirty="0" smtClean="0"/>
              <a:t>p de vraag hoe vaak men in de afgelopen maand de patiënt heeft gevraagd om het zojuist uitgelegde verhaal terug te vertellen antwoordt 95,2 % dat zij dit tussen de 0-5 keer hebben gevraagd.  </a:t>
            </a:r>
            <a:endParaRPr lang="nl-NL" sz="1200" dirty="0"/>
          </a:p>
        </p:txBody>
      </p:sp>
      <p:sp>
        <p:nvSpPr>
          <p:cNvPr id="5" name="Date Placeholder 4"/>
          <p:cNvSpPr>
            <a:spLocks noGrp="1"/>
          </p:cNvSpPr>
          <p:nvPr>
            <p:ph type="dt" sz="half" idx="10"/>
          </p:nvPr>
        </p:nvSpPr>
        <p:spPr/>
        <p:txBody>
          <a:bodyPr/>
          <a:lstStyle/>
          <a:p>
            <a:fld id="{8DBF8827-6856-4A09-A018-24359788D71A}" type="datetime1">
              <a:rPr lang="en-GB" smtClean="0"/>
              <a:t>23/05/2022</a:t>
            </a:fld>
            <a:endParaRPr lang="en-GB"/>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83D1311D-0AF4-BF42-8BF9-EAD1FE65203C}" type="slidenum">
              <a:rPr lang="en-GB" smtClean="0"/>
              <a:pPr/>
              <a:t>11</a:t>
            </a:fld>
            <a:endParaRPr lang="en-GB"/>
          </a:p>
        </p:txBody>
      </p:sp>
    </p:spTree>
    <p:extLst>
      <p:ext uri="{BB962C8B-B14F-4D97-AF65-F5344CB8AC3E}">
        <p14:creationId xmlns:p14="http://schemas.microsoft.com/office/powerpoint/2010/main" val="403889682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Ondertitel 9"/>
          <p:cNvSpPr>
            <a:spLocks noGrp="1"/>
          </p:cNvSpPr>
          <p:nvPr>
            <p:ph type="subTitle" idx="13"/>
          </p:nvPr>
        </p:nvSpPr>
        <p:spPr/>
        <p:txBody>
          <a:bodyPr/>
          <a:lstStyle/>
          <a:p>
            <a:endParaRPr lang="nl-NL"/>
          </a:p>
        </p:txBody>
      </p:sp>
      <p:sp>
        <p:nvSpPr>
          <p:cNvPr id="9" name="Tijdelijke aanduiding voor inhoud 8"/>
          <p:cNvSpPr>
            <a:spLocks noGrp="1"/>
          </p:cNvSpPr>
          <p:nvPr>
            <p:ph idx="1"/>
          </p:nvPr>
        </p:nvSpPr>
        <p:spPr>
          <a:xfrm>
            <a:off x="631825" y="1825626"/>
            <a:ext cx="5320401" cy="4032250"/>
          </a:xfrm>
        </p:spPr>
        <p:txBody>
          <a:bodyPr/>
          <a:lstStyle/>
          <a:p>
            <a:pPr marL="171450" indent="-171450" algn="just"/>
            <a:r>
              <a:rPr lang="nl-NL" dirty="0"/>
              <a:t>Bijna alle verpleegkundigen en verpleegkundig specialisten geven aan te weten wat laaggeletterdheid betekent (85,7%).</a:t>
            </a:r>
          </a:p>
          <a:p>
            <a:pPr marL="171450" indent="-171450" algn="just"/>
            <a:r>
              <a:rPr lang="nl-NL" dirty="0"/>
              <a:t>Op de vraag; “Herken je een laaggeletterde patiënt”, heeft (N=16) 47,6% ja ingevuld. </a:t>
            </a:r>
          </a:p>
          <a:p>
            <a:pPr marL="171450" indent="-171450" algn="just"/>
            <a:r>
              <a:rPr lang="nl-NL" dirty="0"/>
              <a:t>Van alle respondenten zegt 85,7 % haar gesprekstechnieken aan te passen en 100% past haar taalgebruik aan. </a:t>
            </a:r>
          </a:p>
          <a:p>
            <a:pPr marL="171450" indent="-171450" algn="just"/>
            <a:r>
              <a:rPr lang="nl-NL" dirty="0"/>
              <a:t>Op de vraag of men in de afgelopen maand gebruik heeft gemaakt van een hulpmiddel of-middelen geeft 9,5 % aan dit 11 of meer keer te hebben gedaan. </a:t>
            </a:r>
          </a:p>
          <a:p>
            <a:pPr marL="171450" indent="-171450" algn="just">
              <a:lnSpc>
                <a:spcPct val="100000"/>
              </a:lnSpc>
            </a:pPr>
            <a:r>
              <a:rPr lang="nl-NL" dirty="0"/>
              <a:t>Van alle respondenten zegt 52,4 % de </a:t>
            </a:r>
            <a:r>
              <a:rPr lang="nl-NL" dirty="0" err="1"/>
              <a:t>teach</a:t>
            </a:r>
            <a:r>
              <a:rPr lang="nl-NL" dirty="0"/>
              <a:t>-back methode toe te passen. Op de vraag hoe vaak men in de afgelopen maand de patiënt heeft gevraagd om het zojuist uitgelegde verhaal terug te vertellen antwoordt 95,2 % dat zij dit tussen de 0-5 keer hebben gevraagd.  </a:t>
            </a:r>
          </a:p>
          <a:p>
            <a:endParaRPr lang="nl-NL" dirty="0"/>
          </a:p>
        </p:txBody>
      </p:sp>
      <p:sp>
        <p:nvSpPr>
          <p:cNvPr id="8" name="Titel 7"/>
          <p:cNvSpPr>
            <a:spLocks noGrp="1"/>
          </p:cNvSpPr>
          <p:nvPr>
            <p:ph type="title"/>
          </p:nvPr>
        </p:nvSpPr>
        <p:spPr/>
        <p:txBody>
          <a:bodyPr/>
          <a:lstStyle/>
          <a:p>
            <a:r>
              <a:rPr lang="en-US" dirty="0" err="1" smtClean="0"/>
              <a:t>Uitkomsten</a:t>
            </a:r>
            <a:r>
              <a:rPr lang="en-US" dirty="0" smtClean="0"/>
              <a:t> </a:t>
            </a:r>
            <a:r>
              <a:rPr lang="en-US" dirty="0" err="1" smtClean="0"/>
              <a:t>vragenlijst</a:t>
            </a:r>
            <a:r>
              <a:rPr lang="en-US" dirty="0" smtClean="0"/>
              <a:t> n=21</a:t>
            </a:r>
            <a:endParaRPr lang="nl-NL" dirty="0"/>
          </a:p>
        </p:txBody>
      </p:sp>
      <p:sp>
        <p:nvSpPr>
          <p:cNvPr id="5" name="Tijdelijke aanduiding voor datum 4"/>
          <p:cNvSpPr>
            <a:spLocks noGrp="1"/>
          </p:cNvSpPr>
          <p:nvPr>
            <p:ph type="dt" sz="half" idx="4294967295"/>
          </p:nvPr>
        </p:nvSpPr>
        <p:spPr>
          <a:xfrm>
            <a:off x="0" y="6483350"/>
            <a:ext cx="831850" cy="200025"/>
          </a:xfrm>
        </p:spPr>
        <p:txBody>
          <a:bodyPr/>
          <a:lstStyle/>
          <a:p>
            <a:fld id="{8DBF8827-6856-4A09-A018-24359788D71A}" type="datetime1">
              <a:rPr lang="en-GB" smtClean="0"/>
              <a:t>23/05/2022</a:t>
            </a:fld>
            <a:endParaRPr lang="en-GB"/>
          </a:p>
        </p:txBody>
      </p:sp>
      <p:sp>
        <p:nvSpPr>
          <p:cNvPr id="7" name="Tijdelijke aanduiding voor dianummer 6"/>
          <p:cNvSpPr>
            <a:spLocks noGrp="1"/>
          </p:cNvSpPr>
          <p:nvPr>
            <p:ph type="sldNum" sz="quarter" idx="4294967295"/>
          </p:nvPr>
        </p:nvSpPr>
        <p:spPr>
          <a:xfrm>
            <a:off x="11706225" y="6483350"/>
            <a:ext cx="485775" cy="200025"/>
          </a:xfrm>
        </p:spPr>
        <p:txBody>
          <a:bodyPr/>
          <a:lstStyle/>
          <a:p>
            <a:fld id="{83D1311D-0AF4-BF42-8BF9-EAD1FE65203C}" type="slidenum">
              <a:rPr lang="en-GB" smtClean="0"/>
              <a:pPr/>
              <a:t>12</a:t>
            </a:fld>
            <a:endParaRPr lang="en-GB"/>
          </a:p>
        </p:txBody>
      </p:sp>
      <p:graphicFrame>
        <p:nvGraphicFramePr>
          <p:cNvPr id="11" name="Grafiek 10"/>
          <p:cNvGraphicFramePr>
            <a:graphicFrameLocks/>
          </p:cNvGraphicFramePr>
          <p:nvPr>
            <p:extLst>
              <p:ext uri="{D42A27DB-BD31-4B8C-83A1-F6EECF244321}">
                <p14:modId xmlns:p14="http://schemas.microsoft.com/office/powerpoint/2010/main" val="1660553695"/>
              </p:ext>
            </p:extLst>
          </p:nvPr>
        </p:nvGraphicFramePr>
        <p:xfrm>
          <a:off x="6638205" y="1963079"/>
          <a:ext cx="4781550" cy="2971800"/>
        </p:xfrm>
        <a:graphic>
          <a:graphicData uri="http://schemas.openxmlformats.org/drawingml/2006/chart">
            <c:chart xmlns:c="http://schemas.openxmlformats.org/drawingml/2006/chart" xmlns:r="http://schemas.openxmlformats.org/officeDocument/2006/relationships" r:id="rId2"/>
          </a:graphicData>
        </a:graphic>
      </p:graphicFrame>
      <p:sp>
        <p:nvSpPr>
          <p:cNvPr id="12" name="Rechthoek 11"/>
          <p:cNvSpPr/>
          <p:nvPr/>
        </p:nvSpPr>
        <p:spPr>
          <a:xfrm>
            <a:off x="6883879" y="2950234"/>
            <a:ext cx="2881223" cy="2173857"/>
          </a:xfrm>
          <a:prstGeom prst="rect">
            <a:avLst/>
          </a:prstGeom>
          <a:noFill/>
          <a:ln w="381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13" name="Tekstvak 12"/>
          <p:cNvSpPr txBox="1"/>
          <p:nvPr/>
        </p:nvSpPr>
        <p:spPr>
          <a:xfrm>
            <a:off x="7103852" y="5124091"/>
            <a:ext cx="2441276" cy="461665"/>
          </a:xfrm>
          <a:prstGeom prst="rect">
            <a:avLst/>
          </a:prstGeom>
          <a:noFill/>
        </p:spPr>
        <p:txBody>
          <a:bodyPr wrap="square" rtlCol="0">
            <a:spAutoFit/>
          </a:bodyPr>
          <a:lstStyle/>
          <a:p>
            <a:pPr algn="ctr"/>
            <a:r>
              <a:rPr lang="en-US" sz="1200" b="1" i="0" dirty="0" smtClean="0">
                <a:solidFill>
                  <a:srgbClr val="FF0000"/>
                </a:solidFill>
                <a:ea typeface="Arial" charset="0"/>
                <a:cs typeface="Arial" charset="0"/>
              </a:rPr>
              <a:t>57% </a:t>
            </a:r>
            <a:r>
              <a:rPr lang="en-US" sz="1200" b="1" i="0" dirty="0" err="1" smtClean="0">
                <a:solidFill>
                  <a:srgbClr val="FF0000"/>
                </a:solidFill>
                <a:ea typeface="Arial" charset="0"/>
                <a:cs typeface="Arial" charset="0"/>
              </a:rPr>
              <a:t>voelt</a:t>
            </a:r>
            <a:r>
              <a:rPr lang="en-US" sz="1200" b="1" i="0" dirty="0" smtClean="0">
                <a:solidFill>
                  <a:srgbClr val="FF0000"/>
                </a:solidFill>
                <a:ea typeface="Arial" charset="0"/>
                <a:cs typeface="Arial" charset="0"/>
              </a:rPr>
              <a:t> </a:t>
            </a:r>
            <a:r>
              <a:rPr lang="en-US" sz="1200" b="1" i="0" dirty="0" err="1" smtClean="0">
                <a:solidFill>
                  <a:srgbClr val="FF0000"/>
                </a:solidFill>
                <a:ea typeface="Arial" charset="0"/>
                <a:cs typeface="Arial" charset="0"/>
              </a:rPr>
              <a:t>zich</a:t>
            </a:r>
            <a:r>
              <a:rPr lang="en-US" sz="1200" b="1" i="0" dirty="0" smtClean="0">
                <a:solidFill>
                  <a:srgbClr val="FF0000"/>
                </a:solidFill>
                <a:ea typeface="Arial" charset="0"/>
                <a:cs typeface="Arial" charset="0"/>
              </a:rPr>
              <a:t> </a:t>
            </a:r>
            <a:r>
              <a:rPr lang="en-US" sz="1200" b="1" i="0" dirty="0" err="1" smtClean="0">
                <a:solidFill>
                  <a:srgbClr val="FF0000"/>
                </a:solidFill>
                <a:ea typeface="Arial" charset="0"/>
                <a:cs typeface="Arial" charset="0"/>
              </a:rPr>
              <a:t>onvoldoende</a:t>
            </a:r>
            <a:r>
              <a:rPr lang="en-US" sz="1200" b="1" i="0" dirty="0" smtClean="0">
                <a:solidFill>
                  <a:srgbClr val="FF0000"/>
                </a:solidFill>
                <a:ea typeface="Arial" charset="0"/>
                <a:cs typeface="Arial" charset="0"/>
              </a:rPr>
              <a:t> </a:t>
            </a:r>
            <a:r>
              <a:rPr lang="en-US" sz="1200" b="1" i="0" dirty="0" err="1" smtClean="0">
                <a:solidFill>
                  <a:srgbClr val="FF0000"/>
                </a:solidFill>
                <a:ea typeface="Arial" charset="0"/>
                <a:cs typeface="Arial" charset="0"/>
              </a:rPr>
              <a:t>toegerust</a:t>
            </a:r>
            <a:endParaRPr lang="nl-NL" sz="1200" b="1" i="0" dirty="0" err="1" smtClean="0">
              <a:solidFill>
                <a:srgbClr val="FF0000"/>
              </a:solidFill>
              <a:ea typeface="Arial" charset="0"/>
              <a:cs typeface="Arial" charset="0"/>
            </a:endParaRPr>
          </a:p>
        </p:txBody>
      </p:sp>
    </p:spTree>
    <p:extLst>
      <p:ext uri="{BB962C8B-B14F-4D97-AF65-F5344CB8AC3E}">
        <p14:creationId xmlns:p14="http://schemas.microsoft.com/office/powerpoint/2010/main" val="142617081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776205" y="589547"/>
            <a:ext cx="11266270" cy="585537"/>
          </a:xfrm>
        </p:spPr>
        <p:txBody>
          <a:bodyPr>
            <a:noAutofit/>
          </a:bodyPr>
          <a:lstStyle/>
          <a:p>
            <a:r>
              <a:rPr lang="nl-NL" dirty="0" smtClean="0"/>
              <a:t>uitkomsten observatieonderzoek</a:t>
            </a:r>
            <a:endParaRPr lang="nl-NL" dirty="0"/>
          </a:p>
        </p:txBody>
      </p:sp>
      <p:graphicFrame>
        <p:nvGraphicFramePr>
          <p:cNvPr id="8" name="Tijdelijke aanduiding voor inhoud 7"/>
          <p:cNvGraphicFramePr>
            <a:graphicFrameLocks noGrp="1"/>
          </p:cNvGraphicFramePr>
          <p:nvPr>
            <p:ph idx="1"/>
            <p:extLst>
              <p:ext uri="{D42A27DB-BD31-4B8C-83A1-F6EECF244321}">
                <p14:modId xmlns:p14="http://schemas.microsoft.com/office/powerpoint/2010/main" val="4208854590"/>
              </p:ext>
            </p:extLst>
          </p:nvPr>
        </p:nvGraphicFramePr>
        <p:xfrm>
          <a:off x="6035022" y="1625564"/>
          <a:ext cx="5541626" cy="1581319"/>
        </p:xfrm>
        <a:graphic>
          <a:graphicData uri="http://schemas.openxmlformats.org/drawingml/2006/table">
            <a:tbl>
              <a:tblPr>
                <a:tableStyleId>{5C22544A-7EE6-4342-B048-85BDC9FD1C3A}</a:tableStyleId>
              </a:tblPr>
              <a:tblGrid>
                <a:gridCol w="589668">
                  <a:extLst>
                    <a:ext uri="{9D8B030D-6E8A-4147-A177-3AD203B41FA5}">
                      <a16:colId xmlns:a16="http://schemas.microsoft.com/office/drawing/2014/main" val="20000"/>
                    </a:ext>
                  </a:extLst>
                </a:gridCol>
                <a:gridCol w="1070630">
                  <a:extLst>
                    <a:ext uri="{9D8B030D-6E8A-4147-A177-3AD203B41FA5}">
                      <a16:colId xmlns:a16="http://schemas.microsoft.com/office/drawing/2014/main" val="20001"/>
                    </a:ext>
                  </a:extLst>
                </a:gridCol>
                <a:gridCol w="853220">
                  <a:extLst>
                    <a:ext uri="{9D8B030D-6E8A-4147-A177-3AD203B41FA5}">
                      <a16:colId xmlns:a16="http://schemas.microsoft.com/office/drawing/2014/main" val="20002"/>
                    </a:ext>
                  </a:extLst>
                </a:gridCol>
                <a:gridCol w="817245">
                  <a:extLst>
                    <a:ext uri="{9D8B030D-6E8A-4147-A177-3AD203B41FA5}">
                      <a16:colId xmlns:a16="http://schemas.microsoft.com/office/drawing/2014/main" val="20003"/>
                    </a:ext>
                  </a:extLst>
                </a:gridCol>
                <a:gridCol w="1033092">
                  <a:extLst>
                    <a:ext uri="{9D8B030D-6E8A-4147-A177-3AD203B41FA5}">
                      <a16:colId xmlns:a16="http://schemas.microsoft.com/office/drawing/2014/main" val="20004"/>
                    </a:ext>
                  </a:extLst>
                </a:gridCol>
                <a:gridCol w="1177771">
                  <a:extLst>
                    <a:ext uri="{9D8B030D-6E8A-4147-A177-3AD203B41FA5}">
                      <a16:colId xmlns:a16="http://schemas.microsoft.com/office/drawing/2014/main" val="20005"/>
                    </a:ext>
                  </a:extLst>
                </a:gridCol>
              </a:tblGrid>
              <a:tr h="537463">
                <a:tc gridSpan="6">
                  <a:txBody>
                    <a:bodyPr/>
                    <a:lstStyle/>
                    <a:p>
                      <a:pPr marL="38100" marR="38100" algn="ctr">
                        <a:lnSpc>
                          <a:spcPts val="1600"/>
                        </a:lnSpc>
                        <a:spcAft>
                          <a:spcPts val="0"/>
                        </a:spcAft>
                      </a:pPr>
                      <a:r>
                        <a:rPr lang="nl-NL" sz="1400" dirty="0">
                          <a:effectLst/>
                        </a:rPr>
                        <a:t>V</a:t>
                      </a:r>
                      <a:r>
                        <a:rPr lang="nl-NL" sz="1400" dirty="0" smtClean="0">
                          <a:effectLst/>
                        </a:rPr>
                        <a:t>raagt </a:t>
                      </a:r>
                      <a:r>
                        <a:rPr lang="nl-NL" sz="1400" dirty="0">
                          <a:effectLst/>
                        </a:rPr>
                        <a:t>de </a:t>
                      </a:r>
                      <a:r>
                        <a:rPr lang="nl-NL" sz="1400" dirty="0" smtClean="0">
                          <a:effectLst/>
                        </a:rPr>
                        <a:t>patiënt </a:t>
                      </a:r>
                      <a:r>
                        <a:rPr lang="nl-NL" sz="1400" dirty="0">
                          <a:effectLst/>
                        </a:rPr>
                        <a:t>de informatie te herhalen; </a:t>
                      </a:r>
                      <a:r>
                        <a:rPr lang="nl-NL" sz="1400" dirty="0" err="1">
                          <a:effectLst/>
                        </a:rPr>
                        <a:t>teach</a:t>
                      </a:r>
                      <a:r>
                        <a:rPr lang="nl-NL" sz="1400" dirty="0">
                          <a:effectLst/>
                        </a:rPr>
                        <a:t>-back methode (niet belerend)</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ctr"/>
                </a:tc>
                <a:tc hMerge="1">
                  <a:txBody>
                    <a:bodyPr/>
                    <a:lstStyle/>
                    <a:p>
                      <a:endParaRPr lang="nl-NL"/>
                    </a:p>
                  </a:txBody>
                  <a:tcPr/>
                </a:tc>
                <a:tc hMerge="1">
                  <a:txBody>
                    <a:bodyPr/>
                    <a:lstStyle/>
                    <a:p>
                      <a:endParaRPr lang="nl-NL"/>
                    </a:p>
                  </a:txBody>
                  <a:tcPr/>
                </a:tc>
                <a:tc hMerge="1">
                  <a:txBody>
                    <a:bodyPr/>
                    <a:lstStyle/>
                    <a:p>
                      <a:endParaRPr lang="nl-NL"/>
                    </a:p>
                  </a:txBody>
                  <a:tcPr/>
                </a:tc>
                <a:tc hMerge="1">
                  <a:txBody>
                    <a:bodyPr/>
                    <a:lstStyle/>
                    <a:p>
                      <a:endParaRPr lang="nl-NL"/>
                    </a:p>
                  </a:txBody>
                  <a:tcPr/>
                </a:tc>
                <a:tc hMerge="1">
                  <a:txBody>
                    <a:bodyPr/>
                    <a:lstStyle/>
                    <a:p>
                      <a:endParaRPr lang="nl-NL"/>
                    </a:p>
                  </a:txBody>
                  <a:tcPr/>
                </a:tc>
                <a:extLst>
                  <a:ext uri="{0D108BD9-81ED-4DB2-BD59-A6C34878D82A}">
                    <a16:rowId xmlns:a16="http://schemas.microsoft.com/office/drawing/2014/main" val="10000"/>
                  </a:ext>
                </a:extLst>
              </a:tr>
              <a:tr h="521928">
                <a:tc gridSpan="2">
                  <a:txBody>
                    <a:bodyPr/>
                    <a:lstStyle/>
                    <a:p>
                      <a:pPr>
                        <a:lnSpc>
                          <a:spcPct val="107000"/>
                        </a:lnSpc>
                        <a:spcAft>
                          <a:spcPts val="0"/>
                        </a:spcAft>
                      </a:pPr>
                      <a:r>
                        <a:rPr lang="nl-NL" sz="1200" dirty="0">
                          <a:effectLst/>
                        </a:rPr>
                        <a:t> </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hMerge="1">
                  <a:txBody>
                    <a:bodyPr/>
                    <a:lstStyle/>
                    <a:p>
                      <a:endParaRPr lang="nl-NL"/>
                    </a:p>
                  </a:txBody>
                  <a:tcPr/>
                </a:tc>
                <a:tc>
                  <a:txBody>
                    <a:bodyPr/>
                    <a:lstStyle/>
                    <a:p>
                      <a:pPr marL="38100" marR="38100" algn="ctr">
                        <a:lnSpc>
                          <a:spcPts val="1600"/>
                        </a:lnSpc>
                        <a:spcAft>
                          <a:spcPts val="0"/>
                        </a:spcAft>
                      </a:pPr>
                      <a:r>
                        <a:rPr lang="nl-NL" sz="1200">
                          <a:effectLst/>
                        </a:rPr>
                        <a:t>Frequency</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Valid 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Cumulative 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extLst>
                  <a:ext uri="{0D108BD9-81ED-4DB2-BD59-A6C34878D82A}">
                    <a16:rowId xmlns:a16="http://schemas.microsoft.com/office/drawing/2014/main" val="10001"/>
                  </a:ext>
                </a:extLst>
              </a:tr>
              <a:tr h="521928">
                <a:tc>
                  <a:txBody>
                    <a:bodyPr/>
                    <a:lstStyle/>
                    <a:p>
                      <a:pPr marL="38100" marR="38100">
                        <a:lnSpc>
                          <a:spcPts val="1600"/>
                        </a:lnSpc>
                        <a:spcAft>
                          <a:spcPts val="0"/>
                        </a:spcAft>
                      </a:pPr>
                      <a:r>
                        <a:rPr lang="nl-NL" sz="1200">
                          <a:effectLst/>
                        </a:rPr>
                        <a:t>Valid</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nSpc>
                          <a:spcPts val="1600"/>
                        </a:lnSpc>
                        <a:spcAft>
                          <a:spcPts val="0"/>
                        </a:spcAft>
                      </a:pPr>
                      <a:r>
                        <a:rPr lang="nl-NL" sz="1200" dirty="0">
                          <a:effectLst/>
                        </a:rPr>
                        <a:t>helemaal niet</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7</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00,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100,0</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100,0</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2"/>
                  </a:ext>
                </a:extLst>
              </a:tr>
            </a:tbl>
          </a:graphicData>
        </a:graphic>
      </p:graphicFrame>
      <p:sp>
        <p:nvSpPr>
          <p:cNvPr id="4" name="Tijdelijke aanduiding voor tekst 3"/>
          <p:cNvSpPr>
            <a:spLocks noGrp="1"/>
          </p:cNvSpPr>
          <p:nvPr>
            <p:ph type="body" sz="half" idx="2"/>
          </p:nvPr>
        </p:nvSpPr>
        <p:spPr>
          <a:xfrm>
            <a:off x="631825" y="1500954"/>
            <a:ext cx="5147873" cy="4215648"/>
          </a:xfrm>
        </p:spPr>
        <p:txBody>
          <a:bodyPr/>
          <a:lstStyle/>
          <a:p>
            <a:r>
              <a:rPr lang="nl-NL" sz="1200" b="1" dirty="0" smtClean="0"/>
              <a:t>Observatie</a:t>
            </a:r>
          </a:p>
          <a:p>
            <a:pPr marL="171450" indent="-171450" algn="just">
              <a:buFont typeface="Arial" panose="020B0604020202020204" pitchFamily="34" charset="0"/>
              <a:buChar char="•"/>
            </a:pPr>
            <a:r>
              <a:rPr lang="nl-NL" sz="1200" dirty="0" smtClean="0"/>
              <a:t>Door </a:t>
            </a:r>
            <a:r>
              <a:rPr lang="nl-NL" sz="1200" dirty="0"/>
              <a:t>twee </a:t>
            </a:r>
            <a:r>
              <a:rPr lang="nl-NL" sz="1200" dirty="0" smtClean="0"/>
              <a:t>verschillende observanten werd er bij 7 </a:t>
            </a:r>
            <a:r>
              <a:rPr lang="nl-NL" sz="1200" dirty="0"/>
              <a:t>voorlichtingsgesprekken geobserveerd (N=7</a:t>
            </a:r>
            <a:r>
              <a:rPr lang="nl-NL" sz="1200" dirty="0" smtClean="0"/>
              <a:t>).   Alle 5 de verpleegkundigen die geobserveerd werden zijn oncologieverpleegkundigen</a:t>
            </a:r>
            <a:r>
              <a:rPr lang="nl-NL" sz="1200" dirty="0"/>
              <a:t>. </a:t>
            </a:r>
            <a:r>
              <a:rPr lang="nl-NL" sz="1200" dirty="0" smtClean="0"/>
              <a:t>   </a:t>
            </a:r>
            <a:endParaRPr lang="nl-NL" sz="1200" dirty="0" smtClean="0"/>
          </a:p>
          <a:p>
            <a:pPr algn="just"/>
            <a:r>
              <a:rPr lang="nl-NL" sz="1200" dirty="0" smtClean="0"/>
              <a:t>    </a:t>
            </a:r>
            <a:endParaRPr lang="nl-NL" sz="1200" dirty="0" smtClean="0"/>
          </a:p>
          <a:p>
            <a:pPr marL="171450" indent="-171450" algn="just">
              <a:buFont typeface="Arial" panose="020B0604020202020204" pitchFamily="34" charset="0"/>
              <a:buChar char="•"/>
            </a:pPr>
            <a:r>
              <a:rPr lang="nl-NL" sz="1200" dirty="0" smtClean="0"/>
              <a:t>Twee </a:t>
            </a:r>
            <a:r>
              <a:rPr lang="nl-NL" sz="1200" dirty="0"/>
              <a:t>verpleegkundigen werden twee keer geobserveerd  tijdens verschillende voorlichtingsgesprekken, één keer door observant 1 en één keer door observant 2. </a:t>
            </a:r>
            <a:endParaRPr lang="nl-NL" sz="1200" dirty="0" smtClean="0"/>
          </a:p>
          <a:p>
            <a:pPr marL="171450" indent="-171450" algn="just">
              <a:buFont typeface="Arial" panose="020B0604020202020204" pitchFamily="34" charset="0"/>
              <a:buChar char="•"/>
            </a:pPr>
            <a:endParaRPr lang="nl-NL" sz="400" dirty="0" smtClean="0"/>
          </a:p>
          <a:p>
            <a:pPr marL="171450" indent="-171450" algn="just">
              <a:buFont typeface="Arial" panose="020B0604020202020204" pitchFamily="34" charset="0"/>
              <a:buChar char="•"/>
            </a:pPr>
            <a:r>
              <a:rPr lang="nl-NL" sz="1200" dirty="0"/>
              <a:t>H</a:t>
            </a:r>
            <a:r>
              <a:rPr lang="nl-NL" sz="1200" dirty="0" smtClean="0"/>
              <a:t>et gebruik van beeldend materiaal zoals video, praatplaten, gesprekskaart of tekeningen werd tijdens het voorlichtingsgesprek niet één keer gebruikt </a:t>
            </a:r>
            <a:endParaRPr lang="nl-NL" sz="1200" dirty="0" smtClean="0"/>
          </a:p>
          <a:p>
            <a:pPr marL="171450" indent="-171450" algn="just">
              <a:buFont typeface="Arial" panose="020B0604020202020204" pitchFamily="34" charset="0"/>
              <a:buChar char="•"/>
            </a:pPr>
            <a:endParaRPr lang="nl-NL" sz="500" dirty="0" smtClean="0"/>
          </a:p>
          <a:p>
            <a:pPr marL="171450" indent="-171450" algn="just">
              <a:buFont typeface="Arial" panose="020B0604020202020204" pitchFamily="34" charset="0"/>
              <a:buChar char="•"/>
            </a:pPr>
            <a:r>
              <a:rPr lang="nl-NL" sz="1200" dirty="0" smtClean="0"/>
              <a:t>De </a:t>
            </a:r>
            <a:r>
              <a:rPr lang="nl-NL" sz="1200" dirty="0" err="1" smtClean="0"/>
              <a:t>teach</a:t>
            </a:r>
            <a:r>
              <a:rPr lang="nl-NL" sz="1200" dirty="0" smtClean="0"/>
              <a:t>-back methode waarvan bewezen is dat die effectief is, is niet één keer toegepast tijdens de observaties. </a:t>
            </a:r>
            <a:endParaRPr lang="nl-NL" sz="1200" dirty="0" smtClean="0"/>
          </a:p>
          <a:p>
            <a:pPr marL="171450" indent="-171450" algn="just">
              <a:buFont typeface="Arial" panose="020B0604020202020204" pitchFamily="34" charset="0"/>
              <a:buChar char="•"/>
            </a:pPr>
            <a:endParaRPr lang="nl-NL" sz="500" dirty="0" smtClean="0"/>
          </a:p>
          <a:p>
            <a:pPr marL="171450" indent="-171450">
              <a:buFont typeface="Arial" panose="020B0604020202020204" pitchFamily="34" charset="0"/>
              <a:buChar char="•"/>
            </a:pPr>
            <a:r>
              <a:rPr lang="nl-NL" sz="1200" dirty="0" smtClean="0"/>
              <a:t>Het aanpassen van het taalgebruik (A2-B1 niveau) werd enigszins tot een beetje aanpast. </a:t>
            </a:r>
            <a:endParaRPr lang="nl-NL" sz="1200" dirty="0" smtClean="0"/>
          </a:p>
          <a:p>
            <a:endParaRPr lang="nl-NL" sz="400" dirty="0" smtClean="0"/>
          </a:p>
          <a:p>
            <a:pPr marL="171450" indent="-171450">
              <a:buFont typeface="Arial" panose="020B0604020202020204" pitchFamily="34" charset="0"/>
              <a:buChar char="•"/>
            </a:pPr>
            <a:r>
              <a:rPr lang="nl-NL" sz="1200" dirty="0" smtClean="0"/>
              <a:t>Het vermijden van </a:t>
            </a:r>
            <a:r>
              <a:rPr lang="nl-NL" sz="1200" dirty="0" smtClean="0"/>
              <a:t>vakjargon </a:t>
            </a:r>
            <a:r>
              <a:rPr lang="nl-NL" sz="1200" dirty="0" smtClean="0"/>
              <a:t>gebeurde iets beter. </a:t>
            </a:r>
            <a:endParaRPr lang="nl-NL" sz="1200" dirty="0"/>
          </a:p>
        </p:txBody>
      </p:sp>
      <p:sp>
        <p:nvSpPr>
          <p:cNvPr id="5" name="Tijdelijke aanduiding voor datum 4"/>
          <p:cNvSpPr>
            <a:spLocks noGrp="1"/>
          </p:cNvSpPr>
          <p:nvPr>
            <p:ph type="dt" sz="half" idx="10"/>
          </p:nvPr>
        </p:nvSpPr>
        <p:spPr/>
        <p:txBody>
          <a:bodyPr/>
          <a:lstStyle/>
          <a:p>
            <a:fld id="{8DBF8827-6856-4A09-A018-24359788D71A}" type="datetime1">
              <a:rPr lang="en-GB" smtClean="0"/>
              <a:t>23/05/2022</a:t>
            </a:fld>
            <a:endParaRPr lang="en-GB"/>
          </a:p>
        </p:txBody>
      </p:sp>
      <p:sp>
        <p:nvSpPr>
          <p:cNvPr id="6" name="Tijdelijke aanduiding voor voettekst 5"/>
          <p:cNvSpPr>
            <a:spLocks noGrp="1"/>
          </p:cNvSpPr>
          <p:nvPr>
            <p:ph type="ftr" sz="quarter" idx="11"/>
          </p:nvPr>
        </p:nvSpPr>
        <p:spPr/>
        <p:txBody>
          <a:bodyPr/>
          <a:lstStyle/>
          <a:p>
            <a:endParaRPr lang="en-GB"/>
          </a:p>
        </p:txBody>
      </p:sp>
      <p:sp>
        <p:nvSpPr>
          <p:cNvPr id="7" name="Tijdelijke aanduiding voor dianummer 6"/>
          <p:cNvSpPr>
            <a:spLocks noGrp="1"/>
          </p:cNvSpPr>
          <p:nvPr>
            <p:ph type="sldNum" sz="quarter" idx="12"/>
          </p:nvPr>
        </p:nvSpPr>
        <p:spPr/>
        <p:txBody>
          <a:bodyPr/>
          <a:lstStyle/>
          <a:p>
            <a:fld id="{83D1311D-0AF4-BF42-8BF9-EAD1FE65203C}" type="slidenum">
              <a:rPr lang="en-GB" smtClean="0"/>
              <a:pPr/>
              <a:t>13</a:t>
            </a:fld>
            <a:endParaRPr lang="en-GB"/>
          </a:p>
        </p:txBody>
      </p:sp>
      <p:sp>
        <p:nvSpPr>
          <p:cNvPr id="9" name="Rectangle 1"/>
          <p:cNvSpPr>
            <a:spLocks noChangeArrowheads="1"/>
          </p:cNvSpPr>
          <p:nvPr/>
        </p:nvSpPr>
        <p:spPr bwMode="auto">
          <a:xfrm>
            <a:off x="0" y="0"/>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nl-NL"/>
          </a:p>
        </p:txBody>
      </p:sp>
      <p:pic>
        <p:nvPicPr>
          <p:cNvPr id="10" name="Picture 8"/>
          <p:cNvPicPr/>
          <p:nvPr/>
        </p:nvPicPr>
        <p:blipFill>
          <a:blip r:embed="rId2">
            <a:extLst>
              <a:ext uri="{28A0092B-C50C-407E-A947-70E740481C1C}">
                <a14:useLocalDpi xmlns:a14="http://schemas.microsoft.com/office/drawing/2010/main" val="0"/>
              </a:ext>
            </a:extLst>
          </a:blip>
          <a:srcRect/>
          <a:stretch>
            <a:fillRect/>
          </a:stretch>
        </p:blipFill>
        <p:spPr bwMode="auto">
          <a:xfrm>
            <a:off x="6035024" y="3657364"/>
            <a:ext cx="4499609" cy="2499811"/>
          </a:xfrm>
          <a:prstGeom prst="rect">
            <a:avLst/>
          </a:prstGeom>
          <a:noFill/>
          <a:ln>
            <a:noFill/>
          </a:ln>
        </p:spPr>
      </p:pic>
    </p:spTree>
    <p:extLst>
      <p:ext uri="{BB962C8B-B14F-4D97-AF65-F5344CB8AC3E}">
        <p14:creationId xmlns:p14="http://schemas.microsoft.com/office/powerpoint/2010/main" val="177698096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p:cNvSpPr>
            <a:spLocks noGrp="1"/>
          </p:cNvSpPr>
          <p:nvPr>
            <p:ph type="title"/>
          </p:nvPr>
        </p:nvSpPr>
        <p:spPr/>
        <p:txBody>
          <a:bodyPr/>
          <a:lstStyle/>
          <a:p>
            <a:r>
              <a:rPr lang="en-US" dirty="0" err="1" smtClean="0"/>
              <a:t>Vervolg</a:t>
            </a:r>
            <a:r>
              <a:rPr lang="en-US" dirty="0" smtClean="0"/>
              <a:t> </a:t>
            </a:r>
            <a:r>
              <a:rPr lang="en-US" dirty="0" err="1" smtClean="0"/>
              <a:t>analyse</a:t>
            </a:r>
            <a:endParaRPr lang="nl-NL" dirty="0"/>
          </a:p>
        </p:txBody>
      </p:sp>
      <p:sp>
        <p:nvSpPr>
          <p:cNvPr id="2" name="Tijdelijke aanduiding voor datum 1"/>
          <p:cNvSpPr>
            <a:spLocks noGrp="1"/>
          </p:cNvSpPr>
          <p:nvPr>
            <p:ph type="dt" sz="half" idx="14"/>
          </p:nvPr>
        </p:nvSpPr>
        <p:spPr/>
        <p:txBody>
          <a:bodyPr/>
          <a:lstStyle/>
          <a:p>
            <a:fld id="{65E688D0-DE6F-477F-B90C-D66EB6B4C12B}" type="datetime1">
              <a:rPr lang="en-GB" smtClean="0"/>
              <a:t>23/05/2022</a:t>
            </a:fld>
            <a:endParaRPr lang="en-GB"/>
          </a:p>
        </p:txBody>
      </p:sp>
      <p:sp>
        <p:nvSpPr>
          <p:cNvPr id="3" name="Tijdelijke aanduiding voor voettekst 2"/>
          <p:cNvSpPr>
            <a:spLocks noGrp="1"/>
          </p:cNvSpPr>
          <p:nvPr>
            <p:ph type="ftr" sz="quarter" idx="15"/>
          </p:nvPr>
        </p:nvSpPr>
        <p:spPr/>
        <p:txBody>
          <a:bodyPr/>
          <a:lstStyle/>
          <a:p>
            <a:endParaRPr lang="en-GB"/>
          </a:p>
        </p:txBody>
      </p:sp>
      <p:sp>
        <p:nvSpPr>
          <p:cNvPr id="4" name="Tijdelijke aanduiding voor dianummer 3"/>
          <p:cNvSpPr>
            <a:spLocks noGrp="1"/>
          </p:cNvSpPr>
          <p:nvPr>
            <p:ph type="sldNum" sz="quarter" idx="16"/>
          </p:nvPr>
        </p:nvSpPr>
        <p:spPr/>
        <p:txBody>
          <a:bodyPr/>
          <a:lstStyle/>
          <a:p>
            <a:fld id="{83D1311D-0AF4-BF42-8BF9-EAD1FE65203C}" type="slidenum">
              <a:rPr lang="en-GB" smtClean="0"/>
              <a:pPr/>
              <a:t>14</a:t>
            </a:fld>
            <a:endParaRPr lang="en-GB"/>
          </a:p>
        </p:txBody>
      </p:sp>
      <p:pic>
        <p:nvPicPr>
          <p:cNvPr id="5" name="Picture 7"/>
          <p:cNvPicPr/>
          <p:nvPr/>
        </p:nvPicPr>
        <p:blipFill>
          <a:blip r:embed="rId2">
            <a:extLst>
              <a:ext uri="{28A0092B-C50C-407E-A947-70E740481C1C}">
                <a14:useLocalDpi xmlns:a14="http://schemas.microsoft.com/office/drawing/2010/main" val="0"/>
              </a:ext>
            </a:extLst>
          </a:blip>
          <a:srcRect/>
          <a:stretch>
            <a:fillRect/>
          </a:stretch>
        </p:blipFill>
        <p:spPr bwMode="auto">
          <a:xfrm>
            <a:off x="1147011" y="1805343"/>
            <a:ext cx="8726905" cy="4058652"/>
          </a:xfrm>
          <a:prstGeom prst="rect">
            <a:avLst/>
          </a:prstGeom>
          <a:noFill/>
          <a:ln>
            <a:noFill/>
          </a:ln>
        </p:spPr>
      </p:pic>
    </p:spTree>
    <p:extLst>
      <p:ext uri="{BB962C8B-B14F-4D97-AF65-F5344CB8AC3E}">
        <p14:creationId xmlns:p14="http://schemas.microsoft.com/office/powerpoint/2010/main" val="147127453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p:cNvSpPr>
            <a:spLocks noGrp="1"/>
          </p:cNvSpPr>
          <p:nvPr>
            <p:ph type="title"/>
          </p:nvPr>
        </p:nvSpPr>
        <p:spPr/>
        <p:txBody>
          <a:bodyPr/>
          <a:lstStyle/>
          <a:p>
            <a:r>
              <a:rPr lang="en-US" dirty="0" err="1" smtClean="0"/>
              <a:t>Vervolg</a:t>
            </a:r>
            <a:r>
              <a:rPr lang="en-US" dirty="0" smtClean="0"/>
              <a:t> </a:t>
            </a:r>
            <a:r>
              <a:rPr lang="en-US" dirty="0" err="1" smtClean="0"/>
              <a:t>analyse</a:t>
            </a:r>
            <a:endParaRPr lang="nl-NL" dirty="0"/>
          </a:p>
        </p:txBody>
      </p:sp>
      <p:sp>
        <p:nvSpPr>
          <p:cNvPr id="2" name="Tijdelijke aanduiding voor datum 1"/>
          <p:cNvSpPr>
            <a:spLocks noGrp="1"/>
          </p:cNvSpPr>
          <p:nvPr>
            <p:ph type="dt" sz="half" idx="14"/>
          </p:nvPr>
        </p:nvSpPr>
        <p:spPr/>
        <p:txBody>
          <a:bodyPr/>
          <a:lstStyle/>
          <a:p>
            <a:fld id="{65E688D0-DE6F-477F-B90C-D66EB6B4C12B}" type="datetime1">
              <a:rPr lang="en-GB" smtClean="0"/>
              <a:t>23/05/2022</a:t>
            </a:fld>
            <a:endParaRPr lang="en-GB"/>
          </a:p>
        </p:txBody>
      </p:sp>
      <p:sp>
        <p:nvSpPr>
          <p:cNvPr id="3" name="Tijdelijke aanduiding voor voettekst 2"/>
          <p:cNvSpPr>
            <a:spLocks noGrp="1"/>
          </p:cNvSpPr>
          <p:nvPr>
            <p:ph type="ftr" sz="quarter" idx="15"/>
          </p:nvPr>
        </p:nvSpPr>
        <p:spPr/>
        <p:txBody>
          <a:bodyPr/>
          <a:lstStyle/>
          <a:p>
            <a:endParaRPr lang="en-GB" dirty="0"/>
          </a:p>
        </p:txBody>
      </p:sp>
      <p:sp>
        <p:nvSpPr>
          <p:cNvPr id="4" name="Tijdelijke aanduiding voor dianummer 3"/>
          <p:cNvSpPr>
            <a:spLocks noGrp="1"/>
          </p:cNvSpPr>
          <p:nvPr>
            <p:ph type="sldNum" sz="quarter" idx="16"/>
          </p:nvPr>
        </p:nvSpPr>
        <p:spPr/>
        <p:txBody>
          <a:bodyPr/>
          <a:lstStyle/>
          <a:p>
            <a:fld id="{83D1311D-0AF4-BF42-8BF9-EAD1FE65203C}" type="slidenum">
              <a:rPr lang="en-GB" smtClean="0"/>
              <a:pPr/>
              <a:t>15</a:t>
            </a:fld>
            <a:endParaRPr lang="en-GB"/>
          </a:p>
        </p:txBody>
      </p:sp>
      <p:graphicFrame>
        <p:nvGraphicFramePr>
          <p:cNvPr id="5" name="Tabel 4"/>
          <p:cNvGraphicFramePr>
            <a:graphicFrameLocks noGrp="1"/>
          </p:cNvGraphicFramePr>
          <p:nvPr>
            <p:extLst>
              <p:ext uri="{D42A27DB-BD31-4B8C-83A1-F6EECF244321}">
                <p14:modId xmlns:p14="http://schemas.microsoft.com/office/powerpoint/2010/main" val="4141104732"/>
              </p:ext>
            </p:extLst>
          </p:nvPr>
        </p:nvGraphicFramePr>
        <p:xfrm>
          <a:off x="631825" y="1275290"/>
          <a:ext cx="6242675" cy="1961518"/>
        </p:xfrm>
        <a:graphic>
          <a:graphicData uri="http://schemas.openxmlformats.org/drawingml/2006/table">
            <a:tbl>
              <a:tblPr>
                <a:tableStyleId>{5C22544A-7EE6-4342-B048-85BDC9FD1C3A}</a:tableStyleId>
              </a:tblPr>
              <a:tblGrid>
                <a:gridCol w="1129557">
                  <a:extLst>
                    <a:ext uri="{9D8B030D-6E8A-4147-A177-3AD203B41FA5}">
                      <a16:colId xmlns:a16="http://schemas.microsoft.com/office/drawing/2014/main" val="20000"/>
                    </a:ext>
                  </a:extLst>
                </a:gridCol>
                <a:gridCol w="1129557">
                  <a:extLst>
                    <a:ext uri="{9D8B030D-6E8A-4147-A177-3AD203B41FA5}">
                      <a16:colId xmlns:a16="http://schemas.microsoft.com/office/drawing/2014/main" val="20001"/>
                    </a:ext>
                  </a:extLst>
                </a:gridCol>
                <a:gridCol w="801266">
                  <a:extLst>
                    <a:ext uri="{9D8B030D-6E8A-4147-A177-3AD203B41FA5}">
                      <a16:colId xmlns:a16="http://schemas.microsoft.com/office/drawing/2014/main" val="20002"/>
                    </a:ext>
                  </a:extLst>
                </a:gridCol>
                <a:gridCol w="970185">
                  <a:extLst>
                    <a:ext uri="{9D8B030D-6E8A-4147-A177-3AD203B41FA5}">
                      <a16:colId xmlns:a16="http://schemas.microsoft.com/office/drawing/2014/main" val="20003"/>
                    </a:ext>
                  </a:extLst>
                </a:gridCol>
                <a:gridCol w="1106055">
                  <a:extLst>
                    <a:ext uri="{9D8B030D-6E8A-4147-A177-3AD203B41FA5}">
                      <a16:colId xmlns:a16="http://schemas.microsoft.com/office/drawing/2014/main" val="20004"/>
                    </a:ext>
                  </a:extLst>
                </a:gridCol>
                <a:gridCol w="1106055">
                  <a:extLst>
                    <a:ext uri="{9D8B030D-6E8A-4147-A177-3AD203B41FA5}">
                      <a16:colId xmlns:a16="http://schemas.microsoft.com/office/drawing/2014/main" val="20005"/>
                    </a:ext>
                  </a:extLst>
                </a:gridCol>
              </a:tblGrid>
              <a:tr h="0">
                <a:tc gridSpan="6">
                  <a:txBody>
                    <a:bodyPr/>
                    <a:lstStyle/>
                    <a:p>
                      <a:pPr marL="38100" marR="38100" algn="ctr">
                        <a:lnSpc>
                          <a:spcPts val="1600"/>
                        </a:lnSpc>
                        <a:spcAft>
                          <a:spcPts val="0"/>
                        </a:spcAft>
                      </a:pPr>
                      <a:r>
                        <a:rPr lang="nl-NL" sz="1400" dirty="0">
                          <a:effectLst/>
                        </a:rPr>
                        <a:t>Hoe vaak heb je </a:t>
                      </a:r>
                      <a:r>
                        <a:rPr lang="nl-NL" sz="1400" dirty="0" smtClean="0">
                          <a:effectLst/>
                        </a:rPr>
                        <a:t>in de afgelopen </a:t>
                      </a:r>
                      <a:r>
                        <a:rPr lang="nl-NL" sz="1400" dirty="0">
                          <a:effectLst/>
                        </a:rPr>
                        <a:t>maand gebruik gemaakt van een hulpmiddel of hulpmiddelen</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ctr"/>
                </a:tc>
                <a:tc hMerge="1">
                  <a:txBody>
                    <a:bodyPr/>
                    <a:lstStyle/>
                    <a:p>
                      <a:endParaRPr lang="nl-NL"/>
                    </a:p>
                  </a:txBody>
                  <a:tcPr/>
                </a:tc>
                <a:tc hMerge="1">
                  <a:txBody>
                    <a:bodyPr/>
                    <a:lstStyle/>
                    <a:p>
                      <a:endParaRPr lang="nl-NL"/>
                    </a:p>
                  </a:txBody>
                  <a:tcPr/>
                </a:tc>
                <a:tc hMerge="1">
                  <a:txBody>
                    <a:bodyPr/>
                    <a:lstStyle/>
                    <a:p>
                      <a:endParaRPr lang="nl-NL"/>
                    </a:p>
                  </a:txBody>
                  <a:tcPr/>
                </a:tc>
                <a:tc hMerge="1">
                  <a:txBody>
                    <a:bodyPr/>
                    <a:lstStyle/>
                    <a:p>
                      <a:endParaRPr lang="nl-NL"/>
                    </a:p>
                  </a:txBody>
                  <a:tcPr/>
                </a:tc>
                <a:tc hMerge="1">
                  <a:txBody>
                    <a:bodyPr/>
                    <a:lstStyle/>
                    <a:p>
                      <a:endParaRPr lang="nl-NL"/>
                    </a:p>
                  </a:txBody>
                  <a:tcPr/>
                </a:tc>
                <a:extLst>
                  <a:ext uri="{0D108BD9-81ED-4DB2-BD59-A6C34878D82A}">
                    <a16:rowId xmlns:a16="http://schemas.microsoft.com/office/drawing/2014/main" val="10000"/>
                  </a:ext>
                </a:extLst>
              </a:tr>
              <a:tr h="0">
                <a:tc gridSpan="2">
                  <a:txBody>
                    <a:bodyPr/>
                    <a:lstStyle/>
                    <a:p>
                      <a:pPr>
                        <a:lnSpc>
                          <a:spcPct val="107000"/>
                        </a:lnSpc>
                        <a:spcAft>
                          <a:spcPts val="0"/>
                        </a:spcAft>
                      </a:pPr>
                      <a:r>
                        <a:rPr lang="nl-NL" sz="1200" dirty="0">
                          <a:effectLst/>
                        </a:rPr>
                        <a:t> </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hMerge="1">
                  <a:txBody>
                    <a:bodyPr/>
                    <a:lstStyle/>
                    <a:p>
                      <a:endParaRPr lang="nl-NL"/>
                    </a:p>
                  </a:txBody>
                  <a:tcPr/>
                </a:tc>
                <a:tc>
                  <a:txBody>
                    <a:bodyPr/>
                    <a:lstStyle/>
                    <a:p>
                      <a:pPr marL="38100" marR="38100" algn="ctr">
                        <a:lnSpc>
                          <a:spcPts val="1600"/>
                        </a:lnSpc>
                        <a:spcAft>
                          <a:spcPts val="0"/>
                        </a:spcAft>
                      </a:pPr>
                      <a:r>
                        <a:rPr lang="nl-NL" sz="1200">
                          <a:effectLst/>
                        </a:rPr>
                        <a:t>Frequency</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Valid 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Cumulative 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extLst>
                  <a:ext uri="{0D108BD9-81ED-4DB2-BD59-A6C34878D82A}">
                    <a16:rowId xmlns:a16="http://schemas.microsoft.com/office/drawing/2014/main" val="10001"/>
                  </a:ext>
                </a:extLst>
              </a:tr>
              <a:tr h="0">
                <a:tc rowSpan="5">
                  <a:txBody>
                    <a:bodyPr/>
                    <a:lstStyle/>
                    <a:p>
                      <a:pPr marL="38100" marR="38100">
                        <a:lnSpc>
                          <a:spcPts val="1600"/>
                        </a:lnSpc>
                        <a:spcAft>
                          <a:spcPts val="0"/>
                        </a:spcAft>
                      </a:pPr>
                      <a:r>
                        <a:rPr lang="nl-NL" sz="1200">
                          <a:effectLst/>
                        </a:rPr>
                        <a:t>Valid</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nSpc>
                          <a:spcPts val="1600"/>
                        </a:lnSpc>
                        <a:spcAft>
                          <a:spcPts val="0"/>
                        </a:spcAft>
                      </a:pPr>
                      <a:r>
                        <a:rPr lang="nl-NL" sz="1200">
                          <a:effectLst/>
                        </a:rPr>
                        <a:t>nie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5</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3,8</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3,8</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3,8</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2"/>
                  </a:ext>
                </a:extLst>
              </a:tr>
              <a:tr h="0">
                <a:tc vMerge="1">
                  <a:txBody>
                    <a:bodyPr/>
                    <a:lstStyle/>
                    <a:p>
                      <a:endParaRPr lang="nl-NL"/>
                    </a:p>
                  </a:txBody>
                  <a:tcPr/>
                </a:tc>
                <a:tc>
                  <a:txBody>
                    <a:bodyPr/>
                    <a:lstStyle/>
                    <a:p>
                      <a:pPr marL="38100" marR="38100">
                        <a:lnSpc>
                          <a:spcPts val="1600"/>
                        </a:lnSpc>
                        <a:spcAft>
                          <a:spcPts val="0"/>
                        </a:spcAft>
                      </a:pPr>
                      <a:r>
                        <a:rPr lang="nl-NL" sz="1200">
                          <a:effectLst/>
                        </a:rPr>
                        <a:t>1-5 keer</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11</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52,4</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52,4</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76,2</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3"/>
                  </a:ext>
                </a:extLst>
              </a:tr>
              <a:tr h="0">
                <a:tc vMerge="1">
                  <a:txBody>
                    <a:bodyPr/>
                    <a:lstStyle/>
                    <a:p>
                      <a:endParaRPr lang="nl-NL"/>
                    </a:p>
                  </a:txBody>
                  <a:tcPr/>
                </a:tc>
                <a:tc>
                  <a:txBody>
                    <a:bodyPr/>
                    <a:lstStyle/>
                    <a:p>
                      <a:pPr marL="38100" marR="38100">
                        <a:lnSpc>
                          <a:spcPts val="1600"/>
                        </a:lnSpc>
                        <a:spcAft>
                          <a:spcPts val="0"/>
                        </a:spcAft>
                      </a:pPr>
                      <a:r>
                        <a:rPr lang="nl-NL" sz="1200">
                          <a:effectLst/>
                        </a:rPr>
                        <a:t>6-10 keer</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3</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14,3</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4,3</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solidFill>
                            <a:schemeClr val="tx2">
                              <a:lumMod val="60000"/>
                              <a:lumOff val="40000"/>
                            </a:schemeClr>
                          </a:solidFill>
                          <a:effectLst/>
                        </a:rPr>
                        <a:t>90,5</a:t>
                      </a:r>
                      <a:endParaRPr lang="nl-NL" sz="1100" dirty="0">
                        <a:solidFill>
                          <a:schemeClr val="tx2">
                            <a:lumMod val="60000"/>
                            <a:lumOff val="40000"/>
                          </a:schemeClr>
                        </a:solidFill>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4"/>
                  </a:ext>
                </a:extLst>
              </a:tr>
              <a:tr h="0">
                <a:tc vMerge="1">
                  <a:txBody>
                    <a:bodyPr/>
                    <a:lstStyle/>
                    <a:p>
                      <a:endParaRPr lang="nl-NL"/>
                    </a:p>
                  </a:txBody>
                  <a:tcPr/>
                </a:tc>
                <a:tc>
                  <a:txBody>
                    <a:bodyPr/>
                    <a:lstStyle/>
                    <a:p>
                      <a:pPr marL="38100" marR="38100">
                        <a:lnSpc>
                          <a:spcPts val="1600"/>
                        </a:lnSpc>
                        <a:spcAft>
                          <a:spcPts val="0"/>
                        </a:spcAft>
                      </a:pPr>
                      <a:r>
                        <a:rPr lang="nl-NL" sz="1200">
                          <a:effectLst/>
                        </a:rPr>
                        <a:t>11 keer of meer</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9,5</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9,5</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00,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5"/>
                  </a:ext>
                </a:extLst>
              </a:tr>
              <a:tr h="0">
                <a:tc vMerge="1">
                  <a:txBody>
                    <a:bodyPr/>
                    <a:lstStyle/>
                    <a:p>
                      <a:endParaRPr lang="nl-NL"/>
                    </a:p>
                  </a:txBody>
                  <a:tcPr/>
                </a:tc>
                <a:tc>
                  <a:txBody>
                    <a:bodyPr/>
                    <a:lstStyle/>
                    <a:p>
                      <a:pPr marL="38100" marR="38100">
                        <a:lnSpc>
                          <a:spcPts val="1600"/>
                        </a:lnSpc>
                        <a:spcAft>
                          <a:spcPts val="0"/>
                        </a:spcAft>
                      </a:pPr>
                      <a:r>
                        <a:rPr lang="nl-NL" sz="1200">
                          <a:effectLst/>
                        </a:rPr>
                        <a:t>Total</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1</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00,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100,0</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a:lnSpc>
                          <a:spcPct val="107000"/>
                        </a:lnSpc>
                        <a:spcAft>
                          <a:spcPts val="0"/>
                        </a:spcAft>
                      </a:pPr>
                      <a:r>
                        <a:rPr lang="nl-NL" sz="1200" dirty="0">
                          <a:effectLst/>
                        </a:rPr>
                        <a:t> </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ctr"/>
                </a:tc>
                <a:extLst>
                  <a:ext uri="{0D108BD9-81ED-4DB2-BD59-A6C34878D82A}">
                    <a16:rowId xmlns:a16="http://schemas.microsoft.com/office/drawing/2014/main" val="10006"/>
                  </a:ext>
                </a:extLst>
              </a:tr>
            </a:tbl>
          </a:graphicData>
        </a:graphic>
      </p:graphicFrame>
      <p:graphicFrame>
        <p:nvGraphicFramePr>
          <p:cNvPr id="6" name="Tabel 5"/>
          <p:cNvGraphicFramePr>
            <a:graphicFrameLocks noGrp="1"/>
          </p:cNvGraphicFramePr>
          <p:nvPr>
            <p:extLst>
              <p:ext uri="{D42A27DB-BD31-4B8C-83A1-F6EECF244321}">
                <p14:modId xmlns:p14="http://schemas.microsoft.com/office/powerpoint/2010/main" val="2812632929"/>
              </p:ext>
            </p:extLst>
          </p:nvPr>
        </p:nvGraphicFramePr>
        <p:xfrm>
          <a:off x="5556738" y="4500095"/>
          <a:ext cx="6171432" cy="1375412"/>
        </p:xfrm>
        <a:graphic>
          <a:graphicData uri="http://schemas.openxmlformats.org/drawingml/2006/table">
            <a:tbl>
              <a:tblPr>
                <a:tableStyleId>{5C22544A-7EE6-4342-B048-85BDC9FD1C3A}</a:tableStyleId>
              </a:tblPr>
              <a:tblGrid>
                <a:gridCol w="903019">
                  <a:extLst>
                    <a:ext uri="{9D8B030D-6E8A-4147-A177-3AD203B41FA5}">
                      <a16:colId xmlns:a16="http://schemas.microsoft.com/office/drawing/2014/main" val="20000"/>
                    </a:ext>
                  </a:extLst>
                </a:gridCol>
                <a:gridCol w="903019">
                  <a:extLst>
                    <a:ext uri="{9D8B030D-6E8A-4147-A177-3AD203B41FA5}">
                      <a16:colId xmlns:a16="http://schemas.microsoft.com/office/drawing/2014/main" val="20001"/>
                    </a:ext>
                  </a:extLst>
                </a:gridCol>
                <a:gridCol w="878069">
                  <a:extLst>
                    <a:ext uri="{9D8B030D-6E8A-4147-A177-3AD203B41FA5}">
                      <a16:colId xmlns:a16="http://schemas.microsoft.com/office/drawing/2014/main" val="20002"/>
                    </a:ext>
                  </a:extLst>
                </a:gridCol>
                <a:gridCol w="1063179">
                  <a:extLst>
                    <a:ext uri="{9D8B030D-6E8A-4147-A177-3AD203B41FA5}">
                      <a16:colId xmlns:a16="http://schemas.microsoft.com/office/drawing/2014/main" val="20003"/>
                    </a:ext>
                  </a:extLst>
                </a:gridCol>
                <a:gridCol w="1212073">
                  <a:extLst>
                    <a:ext uri="{9D8B030D-6E8A-4147-A177-3AD203B41FA5}">
                      <a16:colId xmlns:a16="http://schemas.microsoft.com/office/drawing/2014/main" val="20004"/>
                    </a:ext>
                  </a:extLst>
                </a:gridCol>
                <a:gridCol w="1212073">
                  <a:extLst>
                    <a:ext uri="{9D8B030D-6E8A-4147-A177-3AD203B41FA5}">
                      <a16:colId xmlns:a16="http://schemas.microsoft.com/office/drawing/2014/main" val="20005"/>
                    </a:ext>
                  </a:extLst>
                </a:gridCol>
              </a:tblGrid>
              <a:tr h="0">
                <a:tc gridSpan="6">
                  <a:txBody>
                    <a:bodyPr/>
                    <a:lstStyle/>
                    <a:p>
                      <a:pPr marL="38100" marR="38100" algn="ctr">
                        <a:lnSpc>
                          <a:spcPts val="1600"/>
                        </a:lnSpc>
                        <a:spcAft>
                          <a:spcPts val="0"/>
                        </a:spcAft>
                      </a:pPr>
                      <a:r>
                        <a:rPr lang="nl-NL" sz="1400" dirty="0">
                          <a:effectLst/>
                        </a:rPr>
                        <a:t>Hoe vaak per week heb je het vermoeden dat een </a:t>
                      </a:r>
                      <a:r>
                        <a:rPr lang="nl-NL" sz="1400" dirty="0" smtClean="0">
                          <a:effectLst/>
                        </a:rPr>
                        <a:t>patiënt </a:t>
                      </a:r>
                      <a:r>
                        <a:rPr lang="nl-NL" sz="1400" dirty="0">
                          <a:effectLst/>
                        </a:rPr>
                        <a:t>je uitleg niet goed heeft </a:t>
                      </a:r>
                      <a:r>
                        <a:rPr lang="nl-NL" sz="1400" dirty="0" smtClean="0">
                          <a:effectLst/>
                        </a:rPr>
                        <a:t>begrepen?</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ctr"/>
                </a:tc>
                <a:tc hMerge="1">
                  <a:txBody>
                    <a:bodyPr/>
                    <a:lstStyle/>
                    <a:p>
                      <a:endParaRPr lang="nl-NL"/>
                    </a:p>
                  </a:txBody>
                  <a:tcPr/>
                </a:tc>
                <a:tc hMerge="1">
                  <a:txBody>
                    <a:bodyPr/>
                    <a:lstStyle/>
                    <a:p>
                      <a:endParaRPr lang="nl-NL"/>
                    </a:p>
                  </a:txBody>
                  <a:tcPr/>
                </a:tc>
                <a:tc hMerge="1">
                  <a:txBody>
                    <a:bodyPr/>
                    <a:lstStyle/>
                    <a:p>
                      <a:endParaRPr lang="nl-NL"/>
                    </a:p>
                  </a:txBody>
                  <a:tcPr/>
                </a:tc>
                <a:tc hMerge="1">
                  <a:txBody>
                    <a:bodyPr/>
                    <a:lstStyle/>
                    <a:p>
                      <a:endParaRPr lang="nl-NL"/>
                    </a:p>
                  </a:txBody>
                  <a:tcPr/>
                </a:tc>
                <a:tc hMerge="1">
                  <a:txBody>
                    <a:bodyPr/>
                    <a:lstStyle/>
                    <a:p>
                      <a:endParaRPr lang="nl-NL"/>
                    </a:p>
                  </a:txBody>
                  <a:tcPr/>
                </a:tc>
                <a:extLst>
                  <a:ext uri="{0D108BD9-81ED-4DB2-BD59-A6C34878D82A}">
                    <a16:rowId xmlns:a16="http://schemas.microsoft.com/office/drawing/2014/main" val="10000"/>
                  </a:ext>
                </a:extLst>
              </a:tr>
              <a:tr h="0">
                <a:tc gridSpan="2">
                  <a:txBody>
                    <a:bodyPr/>
                    <a:lstStyle/>
                    <a:p>
                      <a:pPr>
                        <a:lnSpc>
                          <a:spcPct val="107000"/>
                        </a:lnSpc>
                        <a:spcAft>
                          <a:spcPts val="0"/>
                        </a:spcAft>
                      </a:pPr>
                      <a:r>
                        <a:rPr lang="nl-NL" sz="1200">
                          <a:effectLst/>
                        </a:rPr>
                        <a:t> </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hMerge="1">
                  <a:txBody>
                    <a:bodyPr/>
                    <a:lstStyle/>
                    <a:p>
                      <a:endParaRPr lang="nl-NL"/>
                    </a:p>
                  </a:txBody>
                  <a:tcPr/>
                </a:tc>
                <a:tc>
                  <a:txBody>
                    <a:bodyPr/>
                    <a:lstStyle/>
                    <a:p>
                      <a:pPr marL="38100" marR="38100" algn="ctr">
                        <a:lnSpc>
                          <a:spcPts val="1600"/>
                        </a:lnSpc>
                        <a:spcAft>
                          <a:spcPts val="0"/>
                        </a:spcAft>
                      </a:pPr>
                      <a:r>
                        <a:rPr lang="nl-NL" sz="1200" dirty="0" err="1">
                          <a:effectLst/>
                        </a:rPr>
                        <a:t>Frequency</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Valid 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tc>
                  <a:txBody>
                    <a:bodyPr/>
                    <a:lstStyle/>
                    <a:p>
                      <a:pPr marL="38100" marR="38100" algn="ctr">
                        <a:lnSpc>
                          <a:spcPts val="1600"/>
                        </a:lnSpc>
                        <a:spcAft>
                          <a:spcPts val="0"/>
                        </a:spcAft>
                      </a:pPr>
                      <a:r>
                        <a:rPr lang="nl-NL" sz="1200">
                          <a:effectLst/>
                        </a:rPr>
                        <a:t>Cumulative Percent</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b"/>
                </a:tc>
                <a:extLst>
                  <a:ext uri="{0D108BD9-81ED-4DB2-BD59-A6C34878D82A}">
                    <a16:rowId xmlns:a16="http://schemas.microsoft.com/office/drawing/2014/main" val="10001"/>
                  </a:ext>
                </a:extLst>
              </a:tr>
              <a:tr h="0">
                <a:tc rowSpan="3">
                  <a:txBody>
                    <a:bodyPr/>
                    <a:lstStyle/>
                    <a:p>
                      <a:pPr marL="38100" marR="38100">
                        <a:lnSpc>
                          <a:spcPts val="1600"/>
                        </a:lnSpc>
                        <a:spcAft>
                          <a:spcPts val="0"/>
                        </a:spcAft>
                      </a:pPr>
                      <a:r>
                        <a:rPr lang="nl-NL" sz="1200">
                          <a:effectLst/>
                        </a:rPr>
                        <a:t>Valid</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nSpc>
                          <a:spcPts val="1600"/>
                        </a:lnSpc>
                        <a:spcAft>
                          <a:spcPts val="0"/>
                        </a:spcAft>
                      </a:pPr>
                      <a:r>
                        <a:rPr lang="nl-NL" sz="1200">
                          <a:effectLst/>
                        </a:rPr>
                        <a:t>af en toe</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6</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effectLst/>
                        </a:rPr>
                        <a:t>76,2</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solidFill>
                            <a:schemeClr val="tx2">
                              <a:lumMod val="60000"/>
                              <a:lumOff val="40000"/>
                            </a:schemeClr>
                          </a:solidFill>
                          <a:effectLst/>
                        </a:rPr>
                        <a:t>76,2</a:t>
                      </a:r>
                      <a:endParaRPr lang="nl-NL" sz="1100" dirty="0">
                        <a:solidFill>
                          <a:schemeClr val="tx2">
                            <a:lumMod val="60000"/>
                            <a:lumOff val="40000"/>
                          </a:schemeClr>
                        </a:solidFill>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76,2</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2"/>
                  </a:ext>
                </a:extLst>
              </a:tr>
              <a:tr h="0">
                <a:tc vMerge="1">
                  <a:txBody>
                    <a:bodyPr/>
                    <a:lstStyle/>
                    <a:p>
                      <a:endParaRPr lang="nl-NL"/>
                    </a:p>
                  </a:txBody>
                  <a:tcPr/>
                </a:tc>
                <a:tc>
                  <a:txBody>
                    <a:bodyPr/>
                    <a:lstStyle/>
                    <a:p>
                      <a:pPr marL="38100" marR="38100">
                        <a:lnSpc>
                          <a:spcPts val="1600"/>
                        </a:lnSpc>
                        <a:spcAft>
                          <a:spcPts val="0"/>
                        </a:spcAft>
                      </a:pPr>
                      <a:r>
                        <a:rPr lang="nl-NL" sz="1200">
                          <a:effectLst/>
                        </a:rPr>
                        <a:t>regelmatig</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5</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3,8</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dirty="0">
                          <a:solidFill>
                            <a:schemeClr val="tx2">
                              <a:lumMod val="60000"/>
                              <a:lumOff val="40000"/>
                            </a:schemeClr>
                          </a:solidFill>
                          <a:effectLst/>
                        </a:rPr>
                        <a:t>23,8</a:t>
                      </a:r>
                      <a:endParaRPr lang="nl-NL" sz="1100" dirty="0">
                        <a:solidFill>
                          <a:schemeClr val="tx2">
                            <a:lumMod val="60000"/>
                            <a:lumOff val="40000"/>
                          </a:schemeClr>
                        </a:solidFill>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00,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extLst>
                  <a:ext uri="{0D108BD9-81ED-4DB2-BD59-A6C34878D82A}">
                    <a16:rowId xmlns:a16="http://schemas.microsoft.com/office/drawing/2014/main" val="10003"/>
                  </a:ext>
                </a:extLst>
              </a:tr>
              <a:tr h="0">
                <a:tc vMerge="1">
                  <a:txBody>
                    <a:bodyPr/>
                    <a:lstStyle/>
                    <a:p>
                      <a:endParaRPr lang="nl-NL"/>
                    </a:p>
                  </a:txBody>
                  <a:tcPr/>
                </a:tc>
                <a:tc>
                  <a:txBody>
                    <a:bodyPr/>
                    <a:lstStyle/>
                    <a:p>
                      <a:pPr marL="38100" marR="38100">
                        <a:lnSpc>
                          <a:spcPts val="1600"/>
                        </a:lnSpc>
                        <a:spcAft>
                          <a:spcPts val="0"/>
                        </a:spcAft>
                      </a:pPr>
                      <a:r>
                        <a:rPr lang="nl-NL" sz="1200">
                          <a:effectLst/>
                        </a:rPr>
                        <a:t>Total</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21</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00,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marL="38100" marR="38100" algn="r">
                        <a:lnSpc>
                          <a:spcPts val="1600"/>
                        </a:lnSpc>
                        <a:spcAft>
                          <a:spcPts val="0"/>
                        </a:spcAft>
                      </a:pPr>
                      <a:r>
                        <a:rPr lang="nl-NL" sz="1200">
                          <a:effectLst/>
                        </a:rPr>
                        <a:t>100,0</a:t>
                      </a:r>
                      <a:endParaRPr lang="nl-NL" sz="110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tc>
                <a:tc>
                  <a:txBody>
                    <a:bodyPr/>
                    <a:lstStyle/>
                    <a:p>
                      <a:pPr>
                        <a:lnSpc>
                          <a:spcPct val="107000"/>
                        </a:lnSpc>
                        <a:spcAft>
                          <a:spcPts val="0"/>
                        </a:spcAft>
                      </a:pPr>
                      <a:r>
                        <a:rPr lang="nl-NL" sz="1200" dirty="0">
                          <a:effectLst/>
                        </a:rPr>
                        <a:t> </a:t>
                      </a:r>
                      <a:endParaRPr lang="nl-NL" sz="1100" dirty="0">
                        <a:effectLst/>
                        <a:latin typeface="Calibri" panose="020F0502020204030204" pitchFamily="34" charset="0"/>
                        <a:ea typeface="Calibri" panose="020F0502020204030204" pitchFamily="34" charset="0"/>
                        <a:cs typeface="Times New Roman" panose="02020603050405020304" pitchFamily="18" charset="0"/>
                      </a:endParaRPr>
                    </a:p>
                  </a:txBody>
                  <a:tcPr marL="0" marR="0" marT="0" marB="0" anchor="ctr"/>
                </a:tc>
                <a:extLst>
                  <a:ext uri="{0D108BD9-81ED-4DB2-BD59-A6C34878D82A}">
                    <a16:rowId xmlns:a16="http://schemas.microsoft.com/office/drawing/2014/main" val="10004"/>
                  </a:ext>
                </a:extLst>
              </a:tr>
            </a:tbl>
          </a:graphicData>
        </a:graphic>
      </p:graphicFrame>
      <p:sp>
        <p:nvSpPr>
          <p:cNvPr id="7" name="Rectangle 1"/>
          <p:cNvSpPr>
            <a:spLocks noChangeArrowheads="1"/>
          </p:cNvSpPr>
          <p:nvPr/>
        </p:nvSpPr>
        <p:spPr bwMode="auto">
          <a:xfrm>
            <a:off x="4513179" y="399250"/>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nl-NL"/>
          </a:p>
        </p:txBody>
      </p:sp>
      <p:graphicFrame>
        <p:nvGraphicFramePr>
          <p:cNvPr id="11" name="Grafiek 10"/>
          <p:cNvGraphicFramePr>
            <a:graphicFrameLocks/>
          </p:cNvGraphicFramePr>
          <p:nvPr>
            <p:extLst>
              <p:ext uri="{D42A27DB-BD31-4B8C-83A1-F6EECF244321}">
                <p14:modId xmlns:p14="http://schemas.microsoft.com/office/powerpoint/2010/main" val="2716560199"/>
              </p:ext>
            </p:extLst>
          </p:nvPr>
        </p:nvGraphicFramePr>
        <p:xfrm>
          <a:off x="7370885" y="500395"/>
          <a:ext cx="4572000" cy="2743200"/>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12" name="Grafiek 11"/>
          <p:cNvGraphicFramePr>
            <a:graphicFrameLocks/>
          </p:cNvGraphicFramePr>
          <p:nvPr>
            <p:extLst>
              <p:ext uri="{D42A27DB-BD31-4B8C-83A1-F6EECF244321}">
                <p14:modId xmlns:p14="http://schemas.microsoft.com/office/powerpoint/2010/main" val="1447760409"/>
              </p:ext>
            </p:extLst>
          </p:nvPr>
        </p:nvGraphicFramePr>
        <p:xfrm>
          <a:off x="416014" y="3463966"/>
          <a:ext cx="4572000" cy="2743200"/>
        </p:xfrm>
        <a:graphic>
          <a:graphicData uri="http://schemas.openxmlformats.org/drawingml/2006/chart">
            <c:chart xmlns:c="http://schemas.openxmlformats.org/drawingml/2006/chart" xmlns:r="http://schemas.openxmlformats.org/officeDocument/2006/relationships" r:id="rId3"/>
          </a:graphicData>
        </a:graphic>
      </p:graphicFrame>
      <p:sp>
        <p:nvSpPr>
          <p:cNvPr id="13" name="Rechthoek 12"/>
          <p:cNvSpPr/>
          <p:nvPr/>
        </p:nvSpPr>
        <p:spPr>
          <a:xfrm>
            <a:off x="1186962" y="4404946"/>
            <a:ext cx="1151792" cy="1869783"/>
          </a:xfrm>
          <a:prstGeom prst="rect">
            <a:avLst/>
          </a:prstGeom>
          <a:noFill/>
          <a:ln w="3810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14" name="Tekstvak 13"/>
          <p:cNvSpPr txBox="1"/>
          <p:nvPr/>
        </p:nvSpPr>
        <p:spPr>
          <a:xfrm>
            <a:off x="2407472" y="5966749"/>
            <a:ext cx="589084" cy="307777"/>
          </a:xfrm>
          <a:prstGeom prst="rect">
            <a:avLst/>
          </a:prstGeom>
          <a:noFill/>
        </p:spPr>
        <p:txBody>
          <a:bodyPr wrap="square" rtlCol="0">
            <a:spAutoFit/>
          </a:bodyPr>
          <a:lstStyle/>
          <a:p>
            <a:pPr algn="l"/>
            <a:r>
              <a:rPr lang="en-US" sz="1400" b="1" i="0" dirty="0" smtClean="0">
                <a:solidFill>
                  <a:srgbClr val="FF0000"/>
                </a:solidFill>
                <a:ea typeface="Arial" charset="0"/>
                <a:cs typeface="Arial" charset="0"/>
              </a:rPr>
              <a:t>76%</a:t>
            </a:r>
            <a:endParaRPr lang="nl-NL" sz="1400" b="1" i="0" dirty="0" err="1" smtClean="0">
              <a:solidFill>
                <a:srgbClr val="FF0000"/>
              </a:solidFill>
              <a:ea typeface="Arial" charset="0"/>
              <a:cs typeface="Arial" charset="0"/>
            </a:endParaRPr>
          </a:p>
        </p:txBody>
      </p:sp>
    </p:spTree>
    <p:extLst>
      <p:ext uri="{BB962C8B-B14F-4D97-AF65-F5344CB8AC3E}">
        <p14:creationId xmlns:p14="http://schemas.microsoft.com/office/powerpoint/2010/main" val="242681809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inhoud 2"/>
          <p:cNvSpPr>
            <a:spLocks noGrp="1"/>
          </p:cNvSpPr>
          <p:nvPr>
            <p:ph idx="1"/>
          </p:nvPr>
        </p:nvSpPr>
        <p:spPr>
          <a:xfrm>
            <a:off x="631825" y="1825626"/>
            <a:ext cx="7591526" cy="4032250"/>
          </a:xfrm>
        </p:spPr>
        <p:txBody>
          <a:bodyPr/>
          <a:lstStyle/>
          <a:p>
            <a:pPr marL="0" indent="0">
              <a:buNone/>
            </a:pPr>
            <a:r>
              <a:rPr lang="nl-NL" sz="1200" b="1" dirty="0"/>
              <a:t>Inzet van een tweetal taalambassadeurs (NT1 en NT2) (Stichting Lezen en Schrijven)</a:t>
            </a:r>
          </a:p>
          <a:p>
            <a:pPr lvl="1"/>
            <a:r>
              <a:rPr lang="nl-NL" sz="1200" dirty="0"/>
              <a:t>Onderzoeken hoe toegankelijk de afdeling is voor de laaggeletterde patiënt;</a:t>
            </a:r>
          </a:p>
          <a:p>
            <a:pPr lvl="1"/>
            <a:r>
              <a:rPr lang="nl-NL" sz="1200" dirty="0"/>
              <a:t>Het toetsen van diverse communicatiematerialen van de afdeling zelf; </a:t>
            </a:r>
          </a:p>
          <a:p>
            <a:pPr marL="0" indent="0">
              <a:buNone/>
            </a:pPr>
            <a:endParaRPr lang="en-US" sz="1200" dirty="0" smtClean="0"/>
          </a:p>
          <a:p>
            <a:pPr marL="0" indent="0">
              <a:buNone/>
            </a:pPr>
            <a:r>
              <a:rPr lang="en-US" sz="1200" b="1" dirty="0" err="1" smtClean="0"/>
              <a:t>Terugkoppeling</a:t>
            </a:r>
            <a:r>
              <a:rPr lang="en-US" sz="1200" b="1" dirty="0" smtClean="0"/>
              <a:t>: </a:t>
            </a:r>
            <a:endParaRPr lang="nl-NL" sz="1200" b="1" dirty="0" smtClean="0"/>
          </a:p>
          <a:p>
            <a:r>
              <a:rPr lang="nl-NL" sz="1200" dirty="0" smtClean="0"/>
              <a:t>2 </a:t>
            </a:r>
            <a:r>
              <a:rPr lang="nl-NL" sz="1200" dirty="0" smtClean="0"/>
              <a:t>taalambassadeurs die de volgende route hebben gelopen:</a:t>
            </a:r>
          </a:p>
          <a:p>
            <a:pPr lvl="1"/>
            <a:r>
              <a:rPr lang="nl-NL" sz="1200" dirty="0" smtClean="0"/>
              <a:t>Hoofdingang, bloedprikken, gesprek arts, gesprek verpleegkundige en uitleg over de kuur op de afdeling dagbehandeling. </a:t>
            </a:r>
          </a:p>
          <a:p>
            <a:r>
              <a:rPr lang="nl-NL" sz="1200" dirty="0" smtClean="0"/>
              <a:t>Terugkoppeling taalambassadeurs: </a:t>
            </a:r>
          </a:p>
          <a:p>
            <a:pPr lvl="1"/>
            <a:r>
              <a:rPr lang="nl-NL" sz="1200" dirty="0" smtClean="0"/>
              <a:t>Bij de hoofdingang zijn de taalambassadeurs al onzeker, hulp van vrijwilligers wordt zeer gewaardeerd;</a:t>
            </a:r>
          </a:p>
          <a:p>
            <a:pPr lvl="1"/>
            <a:r>
              <a:rPr lang="nl-NL" sz="1200" dirty="0" smtClean="0"/>
              <a:t>Bewegwijzering naar de bloedafname wordt gemist;</a:t>
            </a:r>
          </a:p>
          <a:p>
            <a:pPr lvl="1"/>
            <a:r>
              <a:rPr lang="nl-NL" sz="1200" dirty="0" smtClean="0"/>
              <a:t>Bewegwijzering focust op het bereiken van de poliklinieken, minder focus op het vinden van de uitgang; </a:t>
            </a:r>
          </a:p>
          <a:p>
            <a:pPr lvl="1"/>
            <a:r>
              <a:rPr lang="nl-NL" sz="1200" dirty="0" smtClean="0"/>
              <a:t>Meer visuele middelen gebruiken bij het voorlichtingsgesprek en uitleg van de kuur; </a:t>
            </a:r>
          </a:p>
          <a:p>
            <a:pPr lvl="1"/>
            <a:r>
              <a:rPr lang="nl-NL" sz="1200" dirty="0" smtClean="0"/>
              <a:t>Feedback op brieven gegeven;</a:t>
            </a:r>
          </a:p>
          <a:p>
            <a:pPr lvl="1"/>
            <a:r>
              <a:rPr lang="nl-NL" sz="1200" dirty="0" smtClean="0"/>
              <a:t>Te veel afspraken op een dag; </a:t>
            </a:r>
          </a:p>
          <a:p>
            <a:pPr lvl="1"/>
            <a:r>
              <a:rPr lang="nl-NL" sz="1200" dirty="0" smtClean="0"/>
              <a:t>Feedback op kleuren van het telefoonkaartje: kleuren zijn lastig te onderscheiden. </a:t>
            </a:r>
          </a:p>
        </p:txBody>
      </p:sp>
      <p:sp>
        <p:nvSpPr>
          <p:cNvPr id="4" name="Titel 3"/>
          <p:cNvSpPr>
            <a:spLocks noGrp="1"/>
          </p:cNvSpPr>
          <p:nvPr>
            <p:ph type="title"/>
          </p:nvPr>
        </p:nvSpPr>
        <p:spPr/>
        <p:txBody>
          <a:bodyPr/>
          <a:lstStyle/>
          <a:p>
            <a:r>
              <a:rPr lang="nl-NL" dirty="0" smtClean="0"/>
              <a:t>taalambassadeurs</a:t>
            </a:r>
            <a:endParaRPr lang="nl-NL" dirty="0"/>
          </a:p>
        </p:txBody>
      </p:sp>
      <p:sp>
        <p:nvSpPr>
          <p:cNvPr id="5" name="Tijdelijke aanduiding voor datum 4"/>
          <p:cNvSpPr>
            <a:spLocks noGrp="1"/>
          </p:cNvSpPr>
          <p:nvPr>
            <p:ph type="dt" sz="half" idx="14"/>
          </p:nvPr>
        </p:nvSpPr>
        <p:spPr/>
        <p:txBody>
          <a:bodyPr/>
          <a:lstStyle/>
          <a:p>
            <a:fld id="{E02C8C58-7455-42B9-A9FD-EE48EC293C11}" type="datetime1">
              <a:rPr lang="en-GB" smtClean="0"/>
              <a:t>23/05/2022</a:t>
            </a:fld>
            <a:endParaRPr lang="en-GB"/>
          </a:p>
        </p:txBody>
      </p:sp>
      <p:sp>
        <p:nvSpPr>
          <p:cNvPr id="6" name="Tijdelijke aanduiding voor voettekst 5"/>
          <p:cNvSpPr>
            <a:spLocks noGrp="1"/>
          </p:cNvSpPr>
          <p:nvPr>
            <p:ph type="ftr" sz="quarter" idx="15"/>
          </p:nvPr>
        </p:nvSpPr>
        <p:spPr/>
        <p:txBody>
          <a:bodyPr/>
          <a:lstStyle/>
          <a:p>
            <a:endParaRPr lang="en-GB"/>
          </a:p>
        </p:txBody>
      </p:sp>
      <p:sp>
        <p:nvSpPr>
          <p:cNvPr id="7" name="Tijdelijke aanduiding voor dianummer 6"/>
          <p:cNvSpPr>
            <a:spLocks noGrp="1"/>
          </p:cNvSpPr>
          <p:nvPr>
            <p:ph type="sldNum" sz="quarter" idx="16"/>
          </p:nvPr>
        </p:nvSpPr>
        <p:spPr/>
        <p:txBody>
          <a:bodyPr/>
          <a:lstStyle/>
          <a:p>
            <a:fld id="{83D1311D-0AF4-BF42-8BF9-EAD1FE65203C}" type="slidenum">
              <a:rPr lang="en-GB" smtClean="0"/>
              <a:pPr/>
              <a:t>16</a:t>
            </a:fld>
            <a:endParaRPr lang="en-GB"/>
          </a:p>
        </p:txBody>
      </p:sp>
      <p:pic>
        <p:nvPicPr>
          <p:cNvPr id="1026" name="Picture 2" descr="https://erasmusmc.sharepoint.com/sites/persoonsgerichtezorg/Gedeelde%20documenten/Gezondheidsvaardigheden/Begeleiding%20teams/Thema%20Daniel/Taalambassadeurs/Foto's%20taalambassadeurs/Testpanel%20Koos%20EMC%204.JPG"/>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223351" y="3585951"/>
            <a:ext cx="3465142" cy="2598857"/>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https://erasmusmc.sharepoint.com/sites/persoonsgerichtezorg/Gedeelde%20documenten/Gezondheidsvaardigheden/Begeleiding%20teams/Thema%20Daniel/Taalambassadeurs/Foto's%20taalambassadeurs/Testpanel%20Koos%20EMC%205.JP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134406" y="916020"/>
            <a:ext cx="2596500" cy="1947375"/>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https://erasmusmc.sharepoint.com/sites/persoonsgerichtezorg/Gedeelde%20documenten/Gezondheidsvaardigheden/Begeleiding%20teams/Thema%20Daniel/Taalambassadeurs/Foto's%20taalambassadeurs/Testpanel%20Mushin%20EMC%205.jpg"/>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rot="5400000">
            <a:off x="9633423" y="922213"/>
            <a:ext cx="2579987" cy="193499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43688969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ndertitel 1"/>
          <p:cNvSpPr>
            <a:spLocks noGrp="1"/>
          </p:cNvSpPr>
          <p:nvPr>
            <p:ph type="subTitle" idx="13"/>
          </p:nvPr>
        </p:nvSpPr>
        <p:spPr>
          <a:xfrm>
            <a:off x="726716" y="1450886"/>
            <a:ext cx="7537390" cy="4603024"/>
          </a:xfrm>
        </p:spPr>
        <p:txBody>
          <a:bodyPr/>
          <a:lstStyle/>
          <a:p>
            <a:endParaRPr lang="nl-NL" sz="1400" dirty="0" smtClean="0"/>
          </a:p>
          <a:p>
            <a:r>
              <a:rPr lang="nl-NL" sz="1400" dirty="0" smtClean="0"/>
              <a:t>Wat zijn de interventies? </a:t>
            </a:r>
          </a:p>
          <a:p>
            <a:r>
              <a:rPr lang="nl-NL" sz="1200" b="0" dirty="0" smtClean="0"/>
              <a:t>De volgende interventies willen we gaan implementeren: </a:t>
            </a:r>
            <a:r>
              <a:rPr lang="nl-NL" sz="1200" b="0" dirty="0"/>
              <a:t>aanpassen van het </a:t>
            </a:r>
            <a:r>
              <a:rPr lang="nl-NL" sz="1200" b="0" dirty="0" smtClean="0"/>
              <a:t>telefoonkaartje, praatplaten, gesprekskaarten, </a:t>
            </a:r>
            <a:r>
              <a:rPr lang="nl-NL" sz="1200" b="0" dirty="0" err="1" smtClean="0"/>
              <a:t>teach</a:t>
            </a:r>
            <a:r>
              <a:rPr lang="nl-NL" sz="1200" b="0" dirty="0" smtClean="0"/>
              <a:t>-backmethode en een nog te ontwikkelen hulpmiddel “de praatwaaier”. </a:t>
            </a:r>
          </a:p>
          <a:p>
            <a:r>
              <a:rPr lang="nl-NL" sz="1400" dirty="0" smtClean="0"/>
              <a:t>Wat willen we bereiken? </a:t>
            </a:r>
          </a:p>
          <a:p>
            <a:r>
              <a:rPr lang="nl-NL" sz="1200" b="0" dirty="0"/>
              <a:t>De verwachting is dat de </a:t>
            </a:r>
            <a:r>
              <a:rPr lang="nl-NL" sz="1200" b="0" dirty="0" smtClean="0"/>
              <a:t>verpleegkundigen zich </a:t>
            </a:r>
            <a:r>
              <a:rPr lang="nl-NL" sz="1200" b="0" dirty="0"/>
              <a:t>bekwamer voelen </a:t>
            </a:r>
            <a:r>
              <a:rPr lang="nl-NL" sz="1200" b="0" dirty="0" smtClean="0"/>
              <a:t>wanneer zij de </a:t>
            </a:r>
            <a:r>
              <a:rPr lang="nl-NL" sz="1200" b="0" dirty="0"/>
              <a:t>trainingen, scholingen en e-</a:t>
            </a:r>
            <a:r>
              <a:rPr lang="nl-NL" sz="1200" b="0" dirty="0" err="1"/>
              <a:t>learnings</a:t>
            </a:r>
            <a:r>
              <a:rPr lang="nl-NL" sz="1200" b="0" dirty="0"/>
              <a:t> hebben </a:t>
            </a:r>
            <a:r>
              <a:rPr lang="nl-NL" sz="1200" b="0" dirty="0" smtClean="0"/>
              <a:t>gevolgd, en de </a:t>
            </a:r>
            <a:r>
              <a:rPr lang="nl-NL" sz="1200" b="0" dirty="0"/>
              <a:t>laaggeletterde patiënt </a:t>
            </a:r>
            <a:r>
              <a:rPr lang="nl-NL" sz="1200" b="0" dirty="0" smtClean="0"/>
              <a:t>eerder zullen herkennen </a:t>
            </a:r>
            <a:r>
              <a:rPr lang="nl-NL" sz="1200" b="0" dirty="0"/>
              <a:t>en de hulpmiddelen in </a:t>
            </a:r>
            <a:r>
              <a:rPr lang="nl-NL" sz="1200" b="0" dirty="0" smtClean="0"/>
              <a:t>zetten bij </a:t>
            </a:r>
            <a:r>
              <a:rPr lang="nl-NL" sz="1200" b="0" dirty="0"/>
              <a:t>deze patiëntencategorie</a:t>
            </a:r>
            <a:r>
              <a:rPr lang="nl-NL" sz="1200" b="0" dirty="0" smtClean="0"/>
              <a:t>. Wanneer de verpleegkundige de voorlichting aanpast aan de mate van geletterdheid van de patiënt kan dit tot een beter ziekte-inzicht leiden. Daarnaast zou de patiënt een beter beeld kunnen hebben hoe hij/zij ziekte gerelateerde klachten kan voorkomen en weet wanneer hij/zij contact op moet nemen met het verpleegkundig telefonisch spreekuur.  </a:t>
            </a:r>
          </a:p>
          <a:p>
            <a:r>
              <a:rPr lang="nl-NL" sz="1400" dirty="0" smtClean="0"/>
              <a:t>Waar en wanneer gaan we de interventies implementeren? </a:t>
            </a:r>
          </a:p>
          <a:p>
            <a:r>
              <a:rPr lang="nl-NL" sz="1200" b="0" dirty="0" smtClean="0"/>
              <a:t>De oncologieverpleegkundige van de dagbehandeling oncologie/hematologie zullen medio 2022 </a:t>
            </a:r>
            <a:r>
              <a:rPr lang="nl-NL" sz="1200" b="0" dirty="0"/>
              <a:t>de </a:t>
            </a:r>
            <a:r>
              <a:rPr lang="nl-NL" sz="1200" b="0" dirty="0" smtClean="0"/>
              <a:t>training gaan volgen en de e-</a:t>
            </a:r>
            <a:r>
              <a:rPr lang="nl-NL" sz="1200" b="0" dirty="0" err="1" smtClean="0"/>
              <a:t>learningen</a:t>
            </a:r>
            <a:r>
              <a:rPr lang="nl-NL" sz="1200" b="0" dirty="0" smtClean="0"/>
              <a:t> maken, zodat per half augustus  de hulpmiddelen als praatplaten en gesprekskaarten maar ook de </a:t>
            </a:r>
            <a:r>
              <a:rPr lang="nl-NL" sz="1200" b="0" dirty="0" err="1" smtClean="0"/>
              <a:t>teach</a:t>
            </a:r>
            <a:r>
              <a:rPr lang="nl-NL" sz="1200" b="0" dirty="0" smtClean="0"/>
              <a:t>-back methode kan worden toegepast bij het voorlichtingsgesprek. </a:t>
            </a:r>
          </a:p>
          <a:p>
            <a:r>
              <a:rPr lang="nl-NL" sz="1200" b="0" dirty="0" smtClean="0"/>
              <a:t>Het is dus essentieel dat de verpleegkundigen eerst de training volgen en de e-</a:t>
            </a:r>
            <a:r>
              <a:rPr lang="nl-NL" sz="1200" b="0" dirty="0" err="1" smtClean="0"/>
              <a:t>learnings</a:t>
            </a:r>
            <a:r>
              <a:rPr lang="nl-NL" sz="1200" b="0" dirty="0" smtClean="0"/>
              <a:t> volgen van de stichting </a:t>
            </a:r>
            <a:r>
              <a:rPr lang="nl-NL" sz="1200" b="0" dirty="0" err="1" smtClean="0"/>
              <a:t>Pharos</a:t>
            </a:r>
            <a:r>
              <a:rPr lang="nl-NL" sz="1200" b="0" dirty="0" smtClean="0"/>
              <a:t> en de Stichting Lezen en Schrijven zodat de hulpmiddelen en de gesprekstechnieken goed in gezet worden. </a:t>
            </a:r>
          </a:p>
          <a:p>
            <a:endParaRPr lang="nl-NL" dirty="0"/>
          </a:p>
          <a:p>
            <a:endParaRPr lang="nl-NL" dirty="0"/>
          </a:p>
        </p:txBody>
      </p:sp>
      <p:sp>
        <p:nvSpPr>
          <p:cNvPr id="3" name="Titel 2"/>
          <p:cNvSpPr>
            <a:spLocks noGrp="1"/>
          </p:cNvSpPr>
          <p:nvPr>
            <p:ph type="title"/>
          </p:nvPr>
        </p:nvSpPr>
        <p:spPr>
          <a:xfrm>
            <a:off x="631825" y="373752"/>
            <a:ext cx="11134605" cy="648000"/>
          </a:xfrm>
        </p:spPr>
        <p:txBody>
          <a:bodyPr>
            <a:noAutofit/>
          </a:bodyPr>
          <a:lstStyle/>
          <a:p>
            <a:r>
              <a:rPr lang="nl-NL" dirty="0" smtClean="0"/>
              <a:t>Interventies implementeren, Hoe nu verder? </a:t>
            </a:r>
            <a:endParaRPr lang="nl-NL" dirty="0"/>
          </a:p>
        </p:txBody>
      </p:sp>
      <p:sp>
        <p:nvSpPr>
          <p:cNvPr id="4" name="Tijdelijke aanduiding voor datum 3"/>
          <p:cNvSpPr>
            <a:spLocks noGrp="1"/>
          </p:cNvSpPr>
          <p:nvPr>
            <p:ph type="dt" sz="half" idx="14"/>
          </p:nvPr>
        </p:nvSpPr>
        <p:spPr/>
        <p:txBody>
          <a:bodyPr/>
          <a:lstStyle/>
          <a:p>
            <a:fld id="{65E688D0-DE6F-477F-B90C-D66EB6B4C12B}" type="datetime1">
              <a:rPr lang="en-GB" smtClean="0"/>
              <a:t>23/05/2022</a:t>
            </a:fld>
            <a:endParaRPr lang="en-GB"/>
          </a:p>
        </p:txBody>
      </p:sp>
      <p:sp>
        <p:nvSpPr>
          <p:cNvPr id="5" name="Tijdelijke aanduiding voor voettekst 4"/>
          <p:cNvSpPr>
            <a:spLocks noGrp="1"/>
          </p:cNvSpPr>
          <p:nvPr>
            <p:ph type="ftr" sz="quarter" idx="15"/>
          </p:nvPr>
        </p:nvSpPr>
        <p:spPr/>
        <p:txBody>
          <a:bodyPr/>
          <a:lstStyle/>
          <a:p>
            <a:endParaRPr lang="en-GB"/>
          </a:p>
        </p:txBody>
      </p:sp>
      <p:sp>
        <p:nvSpPr>
          <p:cNvPr id="6" name="Tijdelijke aanduiding voor dianummer 5"/>
          <p:cNvSpPr>
            <a:spLocks noGrp="1"/>
          </p:cNvSpPr>
          <p:nvPr>
            <p:ph type="sldNum" sz="quarter" idx="16"/>
          </p:nvPr>
        </p:nvSpPr>
        <p:spPr/>
        <p:txBody>
          <a:bodyPr/>
          <a:lstStyle/>
          <a:p>
            <a:fld id="{83D1311D-0AF4-BF42-8BF9-EAD1FE65203C}" type="slidenum">
              <a:rPr lang="en-GB" smtClean="0"/>
              <a:pPr/>
              <a:t>17</a:t>
            </a:fld>
            <a:endParaRPr lang="en-GB"/>
          </a:p>
        </p:txBody>
      </p:sp>
      <p:pic>
        <p:nvPicPr>
          <p:cNvPr id="8" name="Tijdelijke aanduiding voor inhoud 7"/>
          <p:cNvPicPr>
            <a:picLocks noChangeAspect="1"/>
          </p:cNvPicPr>
          <p:nvPr/>
        </p:nvPicPr>
        <p:blipFill>
          <a:blip r:embed="rId2"/>
          <a:stretch>
            <a:fillRect/>
          </a:stretch>
        </p:blipFill>
        <p:spPr bwMode="auto">
          <a:xfrm>
            <a:off x="8612425" y="1251089"/>
            <a:ext cx="3288367" cy="22512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4" descr="https://www.pharos.nl/wp-content/uploads/2021/03/bloed-lymfeklierkanker_leukemie.jp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238891" y="3685013"/>
            <a:ext cx="1602145" cy="257088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53430443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p:cNvSpPr>
            <a:spLocks noGrp="1"/>
          </p:cNvSpPr>
          <p:nvPr>
            <p:ph type="title"/>
          </p:nvPr>
        </p:nvSpPr>
        <p:spPr/>
        <p:txBody>
          <a:bodyPr>
            <a:normAutofit fontScale="90000"/>
          </a:bodyPr>
          <a:lstStyle/>
          <a:p>
            <a:r>
              <a:rPr lang="nl-NL" b="1" dirty="0"/>
              <a:t>Waar en wanneer gaan we de interventies implementeren? </a:t>
            </a:r>
            <a:br>
              <a:rPr lang="nl-NL" b="1" dirty="0"/>
            </a:br>
            <a:endParaRPr lang="nl-NL" dirty="0"/>
          </a:p>
        </p:txBody>
      </p:sp>
      <p:sp>
        <p:nvSpPr>
          <p:cNvPr id="2" name="Tijdelijke aanduiding voor datum 1"/>
          <p:cNvSpPr>
            <a:spLocks noGrp="1"/>
          </p:cNvSpPr>
          <p:nvPr>
            <p:ph type="dt" sz="half" idx="14"/>
          </p:nvPr>
        </p:nvSpPr>
        <p:spPr/>
        <p:txBody>
          <a:bodyPr/>
          <a:lstStyle/>
          <a:p>
            <a:fld id="{65E688D0-DE6F-477F-B90C-D66EB6B4C12B}" type="datetime1">
              <a:rPr lang="en-GB" smtClean="0"/>
              <a:t>23/05/2022</a:t>
            </a:fld>
            <a:endParaRPr lang="en-GB"/>
          </a:p>
        </p:txBody>
      </p:sp>
      <p:sp>
        <p:nvSpPr>
          <p:cNvPr id="3" name="Tijdelijke aanduiding voor voettekst 2"/>
          <p:cNvSpPr>
            <a:spLocks noGrp="1"/>
          </p:cNvSpPr>
          <p:nvPr>
            <p:ph type="ftr" sz="quarter" idx="15"/>
          </p:nvPr>
        </p:nvSpPr>
        <p:spPr/>
        <p:txBody>
          <a:bodyPr/>
          <a:lstStyle/>
          <a:p>
            <a:endParaRPr lang="en-GB"/>
          </a:p>
        </p:txBody>
      </p:sp>
      <p:sp>
        <p:nvSpPr>
          <p:cNvPr id="4" name="Tijdelijke aanduiding voor dianummer 3"/>
          <p:cNvSpPr>
            <a:spLocks noGrp="1"/>
          </p:cNvSpPr>
          <p:nvPr>
            <p:ph type="sldNum" sz="quarter" idx="16"/>
          </p:nvPr>
        </p:nvSpPr>
        <p:spPr/>
        <p:txBody>
          <a:bodyPr/>
          <a:lstStyle/>
          <a:p>
            <a:fld id="{83D1311D-0AF4-BF42-8BF9-EAD1FE65203C}" type="slidenum">
              <a:rPr lang="en-GB" smtClean="0"/>
              <a:pPr/>
              <a:t>18</a:t>
            </a:fld>
            <a:endParaRPr lang="en-GB"/>
          </a:p>
        </p:txBody>
      </p:sp>
      <p:sp>
        <p:nvSpPr>
          <p:cNvPr id="5" name="Rechthoek 4"/>
          <p:cNvSpPr/>
          <p:nvPr/>
        </p:nvSpPr>
        <p:spPr>
          <a:xfrm>
            <a:off x="655465" y="1617680"/>
            <a:ext cx="10508033" cy="2677656"/>
          </a:xfrm>
          <a:prstGeom prst="rect">
            <a:avLst/>
          </a:prstGeom>
        </p:spPr>
        <p:txBody>
          <a:bodyPr wrap="square">
            <a:spAutoFit/>
          </a:bodyPr>
          <a:lstStyle/>
          <a:p>
            <a:endParaRPr lang="nl-NL" sz="1400" b="1" dirty="0">
              <a:latin typeface="+mn-lt"/>
            </a:endParaRPr>
          </a:p>
          <a:p>
            <a:pPr marL="285750" indent="-285750">
              <a:buFont typeface="Arial" panose="020B0604020202020204" pitchFamily="34" charset="0"/>
              <a:buChar char="•"/>
            </a:pPr>
            <a:r>
              <a:rPr lang="nl-NL" sz="1400" dirty="0" smtClean="0">
                <a:solidFill>
                  <a:srgbClr val="0C2074"/>
                </a:solidFill>
                <a:latin typeface="+mn-lt"/>
              </a:rPr>
              <a:t>Medio 2022 (juni, juli) zal het team een training en e-</a:t>
            </a:r>
            <a:r>
              <a:rPr lang="nl-NL" sz="1400" dirty="0" err="1" smtClean="0">
                <a:solidFill>
                  <a:srgbClr val="0C2074"/>
                </a:solidFill>
                <a:latin typeface="+mn-lt"/>
              </a:rPr>
              <a:t>learnings</a:t>
            </a:r>
            <a:r>
              <a:rPr lang="nl-NL" sz="1400" dirty="0" smtClean="0">
                <a:solidFill>
                  <a:srgbClr val="0C2074"/>
                </a:solidFill>
                <a:latin typeface="+mn-lt"/>
              </a:rPr>
              <a:t> volgen en het realiseren van de hulpmiddelen; praatplaten, gesprekskaarten en het aanpassen van de telefoonkaartjes. </a:t>
            </a:r>
          </a:p>
          <a:p>
            <a:pPr marL="285750" indent="-285750">
              <a:buFont typeface="Arial" panose="020B0604020202020204" pitchFamily="34" charset="0"/>
              <a:buChar char="•"/>
            </a:pPr>
            <a:endParaRPr lang="nl-NL" sz="1400" dirty="0">
              <a:solidFill>
                <a:srgbClr val="0C2074"/>
              </a:solidFill>
              <a:latin typeface="+mn-lt"/>
            </a:endParaRPr>
          </a:p>
          <a:p>
            <a:pPr marL="285750" indent="-285750">
              <a:buFont typeface="Arial" panose="020B0604020202020204" pitchFamily="34" charset="0"/>
              <a:buChar char="•"/>
            </a:pPr>
            <a:r>
              <a:rPr lang="nl-NL" sz="1400" dirty="0" smtClean="0">
                <a:solidFill>
                  <a:srgbClr val="0C2074"/>
                </a:solidFill>
                <a:latin typeface="+mn-lt"/>
              </a:rPr>
              <a:t>Implementeren van de hulpmiddelen en gesprekstechnieken per half augustus 2022.</a:t>
            </a:r>
          </a:p>
          <a:p>
            <a:endParaRPr lang="nl-NL" sz="1400" dirty="0">
              <a:solidFill>
                <a:srgbClr val="0C2074"/>
              </a:solidFill>
              <a:latin typeface="+mn-lt"/>
            </a:endParaRPr>
          </a:p>
          <a:p>
            <a:pPr marL="285750" indent="-285750">
              <a:buFont typeface="Arial" panose="020B0604020202020204" pitchFamily="34" charset="0"/>
              <a:buChar char="•"/>
            </a:pPr>
            <a:r>
              <a:rPr lang="nl-NL" sz="1400" dirty="0">
                <a:solidFill>
                  <a:srgbClr val="0C2074"/>
                </a:solidFill>
                <a:latin typeface="+mn-lt"/>
              </a:rPr>
              <a:t>Het is </a:t>
            </a:r>
            <a:r>
              <a:rPr lang="nl-NL" sz="1400" dirty="0" smtClean="0">
                <a:solidFill>
                  <a:srgbClr val="0C2074"/>
                </a:solidFill>
                <a:latin typeface="+mn-lt"/>
              </a:rPr>
              <a:t>essentieel </a:t>
            </a:r>
            <a:r>
              <a:rPr lang="nl-NL" sz="1400" dirty="0">
                <a:solidFill>
                  <a:srgbClr val="0C2074"/>
                </a:solidFill>
                <a:latin typeface="+mn-lt"/>
              </a:rPr>
              <a:t>dat de verpleegkundigen eerst de </a:t>
            </a:r>
            <a:r>
              <a:rPr lang="nl-NL" sz="1400" dirty="0" smtClean="0">
                <a:solidFill>
                  <a:srgbClr val="0C2074"/>
                </a:solidFill>
                <a:latin typeface="+mn-lt"/>
              </a:rPr>
              <a:t>training, gefaciliteerd door de gemeente Rotterdam en </a:t>
            </a:r>
            <a:r>
              <a:rPr lang="nl-NL" sz="1400" dirty="0">
                <a:solidFill>
                  <a:srgbClr val="0C2074"/>
                </a:solidFill>
                <a:latin typeface="+mn-lt"/>
              </a:rPr>
              <a:t>de e-</a:t>
            </a:r>
            <a:r>
              <a:rPr lang="nl-NL" sz="1400" dirty="0" err="1">
                <a:solidFill>
                  <a:srgbClr val="0C2074"/>
                </a:solidFill>
                <a:latin typeface="+mn-lt"/>
              </a:rPr>
              <a:t>learnings</a:t>
            </a:r>
            <a:r>
              <a:rPr lang="nl-NL" sz="1400" dirty="0">
                <a:solidFill>
                  <a:srgbClr val="0C2074"/>
                </a:solidFill>
                <a:latin typeface="+mn-lt"/>
              </a:rPr>
              <a:t> </a:t>
            </a:r>
            <a:r>
              <a:rPr lang="nl-NL" sz="1400" dirty="0" smtClean="0">
                <a:solidFill>
                  <a:srgbClr val="0C2074"/>
                </a:solidFill>
                <a:latin typeface="+mn-lt"/>
              </a:rPr>
              <a:t>van </a:t>
            </a:r>
            <a:r>
              <a:rPr lang="nl-NL" sz="1400" dirty="0">
                <a:solidFill>
                  <a:srgbClr val="0C2074"/>
                </a:solidFill>
                <a:latin typeface="+mn-lt"/>
              </a:rPr>
              <a:t>de </a:t>
            </a:r>
            <a:r>
              <a:rPr lang="nl-NL" sz="1400" dirty="0" smtClean="0">
                <a:solidFill>
                  <a:srgbClr val="0C2074"/>
                </a:solidFill>
                <a:latin typeface="+mn-lt"/>
              </a:rPr>
              <a:t>Stichting </a:t>
            </a:r>
            <a:r>
              <a:rPr lang="nl-NL" sz="1400" dirty="0" err="1">
                <a:solidFill>
                  <a:srgbClr val="0C2074"/>
                </a:solidFill>
                <a:latin typeface="+mn-lt"/>
              </a:rPr>
              <a:t>Pharos</a:t>
            </a:r>
            <a:r>
              <a:rPr lang="nl-NL" sz="1400" dirty="0">
                <a:solidFill>
                  <a:srgbClr val="0C2074"/>
                </a:solidFill>
                <a:latin typeface="+mn-lt"/>
              </a:rPr>
              <a:t> en de Stichting Lezen en </a:t>
            </a:r>
            <a:r>
              <a:rPr lang="nl-NL" sz="1400" dirty="0" smtClean="0">
                <a:solidFill>
                  <a:srgbClr val="0C2074"/>
                </a:solidFill>
                <a:latin typeface="+mn-lt"/>
              </a:rPr>
              <a:t>Schrijven </a:t>
            </a:r>
            <a:r>
              <a:rPr lang="nl-NL" sz="1400" dirty="0" smtClean="0">
                <a:solidFill>
                  <a:srgbClr val="0C2074"/>
                </a:solidFill>
                <a:latin typeface="+mn-lt"/>
              </a:rPr>
              <a:t>volgen, </a:t>
            </a:r>
            <a:r>
              <a:rPr lang="nl-NL" sz="1400" dirty="0" smtClean="0">
                <a:solidFill>
                  <a:srgbClr val="0C2074"/>
                </a:solidFill>
                <a:latin typeface="+mn-lt"/>
              </a:rPr>
              <a:t>zodat </a:t>
            </a:r>
            <a:r>
              <a:rPr lang="nl-NL" sz="1400" dirty="0">
                <a:solidFill>
                  <a:srgbClr val="0C2074"/>
                </a:solidFill>
                <a:latin typeface="+mn-lt"/>
              </a:rPr>
              <a:t>de hulpmiddelen en de gesprekstechnieken </a:t>
            </a:r>
            <a:r>
              <a:rPr lang="nl-NL" sz="1400" dirty="0" smtClean="0">
                <a:solidFill>
                  <a:srgbClr val="0C2074"/>
                </a:solidFill>
                <a:latin typeface="+mn-lt"/>
              </a:rPr>
              <a:t>op de juiste wijze gebruikt gaan worden. </a:t>
            </a:r>
          </a:p>
          <a:p>
            <a:pPr marL="285750" indent="-285750">
              <a:buFont typeface="Arial" panose="020B0604020202020204" pitchFamily="34" charset="0"/>
              <a:buChar char="•"/>
            </a:pPr>
            <a:endParaRPr lang="nl-NL" sz="1400" dirty="0">
              <a:solidFill>
                <a:srgbClr val="0C2074"/>
              </a:solidFill>
              <a:latin typeface="+mn-lt"/>
            </a:endParaRPr>
          </a:p>
          <a:p>
            <a:pPr marL="285750" indent="-285750">
              <a:buFont typeface="Arial" panose="020B0604020202020204" pitchFamily="34" charset="0"/>
              <a:buChar char="•"/>
            </a:pPr>
            <a:r>
              <a:rPr lang="nl-NL" sz="1400" dirty="0" smtClean="0">
                <a:solidFill>
                  <a:srgbClr val="0C2074"/>
                </a:solidFill>
                <a:latin typeface="+mn-lt"/>
              </a:rPr>
              <a:t>Half September 2022 zullen we starten met een tussentijdse meting (vragenlijst, observatie en telling aantal telefonische contacten per dag op verpleegkundig spreekuur).</a:t>
            </a:r>
            <a:endParaRPr lang="nl-NL" sz="1400" dirty="0">
              <a:solidFill>
                <a:srgbClr val="0C2074"/>
              </a:solidFill>
              <a:latin typeface="+mn-lt"/>
            </a:endParaRPr>
          </a:p>
        </p:txBody>
      </p:sp>
    </p:spTree>
    <p:extLst>
      <p:ext uri="{BB962C8B-B14F-4D97-AF65-F5344CB8AC3E}">
        <p14:creationId xmlns:p14="http://schemas.microsoft.com/office/powerpoint/2010/main" val="429116167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Tijdelijke aanduiding voor afbeelding 6"/>
          <p:cNvPicPr>
            <a:picLocks noGrp="1" noChangeAspect="1"/>
          </p:cNvPicPr>
          <p:nvPr>
            <p:ph type="pic" sz="quarter" idx="10"/>
          </p:nvPr>
        </p:nvPicPr>
        <p:blipFill>
          <a:blip r:embed="rId2">
            <a:extLst>
              <a:ext uri="{28A0092B-C50C-407E-A947-70E740481C1C}">
                <a14:useLocalDpi xmlns:a14="http://schemas.microsoft.com/office/drawing/2010/main" val="0"/>
              </a:ext>
            </a:extLst>
          </a:blip>
          <a:srcRect t="21875" b="21875"/>
          <a:stretch>
            <a:fillRect/>
          </a:stretch>
        </p:blipFill>
        <p:spPr>
          <a:xfrm>
            <a:off x="1279735" y="349492"/>
            <a:ext cx="9673389" cy="5973203"/>
          </a:xfrm>
        </p:spPr>
      </p:pic>
      <p:sp>
        <p:nvSpPr>
          <p:cNvPr id="3" name="Tijdelijke aanduiding voor datum 2"/>
          <p:cNvSpPr>
            <a:spLocks noGrp="1"/>
          </p:cNvSpPr>
          <p:nvPr>
            <p:ph type="dt" sz="half" idx="11"/>
          </p:nvPr>
        </p:nvSpPr>
        <p:spPr/>
        <p:txBody>
          <a:bodyPr/>
          <a:lstStyle/>
          <a:p>
            <a:fld id="{5DA6945E-81CA-4BD3-A6D1-5E443B4DE943}" type="datetime1">
              <a:rPr lang="en-GB" smtClean="0"/>
              <a:t>23/05/2022</a:t>
            </a:fld>
            <a:endParaRPr lang="en-GB"/>
          </a:p>
        </p:txBody>
      </p:sp>
      <p:sp>
        <p:nvSpPr>
          <p:cNvPr id="4" name="Tijdelijke aanduiding voor voettekst 3"/>
          <p:cNvSpPr>
            <a:spLocks noGrp="1"/>
          </p:cNvSpPr>
          <p:nvPr>
            <p:ph type="ftr" sz="quarter" idx="12"/>
          </p:nvPr>
        </p:nvSpPr>
        <p:spPr/>
        <p:txBody>
          <a:bodyPr/>
          <a:lstStyle/>
          <a:p>
            <a:endParaRPr lang="en-GB"/>
          </a:p>
        </p:txBody>
      </p:sp>
      <p:sp>
        <p:nvSpPr>
          <p:cNvPr id="5" name="Tijdelijke aanduiding voor dianummer 4"/>
          <p:cNvSpPr>
            <a:spLocks noGrp="1"/>
          </p:cNvSpPr>
          <p:nvPr>
            <p:ph type="sldNum" sz="quarter" idx="13"/>
          </p:nvPr>
        </p:nvSpPr>
        <p:spPr/>
        <p:txBody>
          <a:bodyPr/>
          <a:lstStyle/>
          <a:p>
            <a:fld id="{83D1311D-0AF4-BF42-8BF9-EAD1FE65203C}" type="slidenum">
              <a:rPr lang="en-GB" smtClean="0"/>
              <a:pPr/>
              <a:t>19</a:t>
            </a:fld>
            <a:endParaRPr lang="en-GB"/>
          </a:p>
        </p:txBody>
      </p:sp>
      <p:sp>
        <p:nvSpPr>
          <p:cNvPr id="6" name="Tijdelijke aanduiding voor tekst 5"/>
          <p:cNvSpPr>
            <a:spLocks noGrp="1"/>
          </p:cNvSpPr>
          <p:nvPr>
            <p:ph type="body" sz="quarter" idx="16"/>
          </p:nvPr>
        </p:nvSpPr>
        <p:spPr/>
        <p:txBody>
          <a:bodyPr/>
          <a:lstStyle/>
          <a:p>
            <a:endParaRPr lang="nl-NL"/>
          </a:p>
        </p:txBody>
      </p:sp>
    </p:spTree>
    <p:extLst>
      <p:ext uri="{BB962C8B-B14F-4D97-AF65-F5344CB8AC3E}">
        <p14:creationId xmlns:p14="http://schemas.microsoft.com/office/powerpoint/2010/main" val="362880187"/>
      </p:ext>
    </p:extLst>
  </p:cSld>
  <p:clrMapOvr>
    <a:masterClrMapping/>
  </p:clrMapOvr>
  <p:transition spd="slow">
    <p:wip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p:cNvSpPr>
            <a:spLocks noGrp="1"/>
          </p:cNvSpPr>
          <p:nvPr>
            <p:ph idx="1"/>
          </p:nvPr>
        </p:nvSpPr>
        <p:spPr/>
        <p:txBody>
          <a:bodyPr/>
          <a:lstStyle/>
          <a:p>
            <a:r>
              <a:rPr lang="nl-NL" dirty="0" smtClean="0"/>
              <a:t>Het hoe, wat en waarom rondom laaggeletterdheid;</a:t>
            </a:r>
          </a:p>
          <a:p>
            <a:r>
              <a:rPr lang="nl-NL" dirty="0" smtClean="0"/>
              <a:t>Terugkoppeling </a:t>
            </a:r>
            <a:r>
              <a:rPr lang="en-US" dirty="0" err="1" smtClean="0"/>
              <a:t>nulmeting</a:t>
            </a:r>
            <a:r>
              <a:rPr lang="en-US" dirty="0" smtClean="0"/>
              <a:t>;</a:t>
            </a:r>
          </a:p>
          <a:p>
            <a:r>
              <a:rPr lang="en-US" dirty="0" err="1" smtClean="0"/>
              <a:t>Terugkoppeling</a:t>
            </a:r>
            <a:r>
              <a:rPr lang="en-US" dirty="0" smtClean="0"/>
              <a:t> </a:t>
            </a:r>
            <a:r>
              <a:rPr lang="en-US" dirty="0" err="1" smtClean="0"/>
              <a:t>taalambassadeurs</a:t>
            </a:r>
            <a:r>
              <a:rPr lang="en-US" dirty="0" smtClean="0"/>
              <a:t>;</a:t>
            </a:r>
          </a:p>
          <a:p>
            <a:r>
              <a:rPr lang="en-US" dirty="0" err="1" smtClean="0"/>
              <a:t>Vooruitblik</a:t>
            </a:r>
            <a:r>
              <a:rPr lang="en-US" dirty="0" smtClean="0"/>
              <a:t> </a:t>
            </a:r>
            <a:r>
              <a:rPr lang="en-US" dirty="0" err="1" smtClean="0"/>
              <a:t>komende</a:t>
            </a:r>
            <a:r>
              <a:rPr lang="en-US" dirty="0" smtClean="0"/>
              <a:t> </a:t>
            </a:r>
            <a:r>
              <a:rPr lang="en-US" dirty="0" err="1" smtClean="0"/>
              <a:t>periode</a:t>
            </a:r>
            <a:r>
              <a:rPr lang="en-US" dirty="0" smtClean="0"/>
              <a:t>. </a:t>
            </a:r>
            <a:endParaRPr lang="nl-NL" dirty="0"/>
          </a:p>
        </p:txBody>
      </p:sp>
      <p:sp>
        <p:nvSpPr>
          <p:cNvPr id="10" name="Titel 9"/>
          <p:cNvSpPr>
            <a:spLocks noGrp="1"/>
          </p:cNvSpPr>
          <p:nvPr>
            <p:ph type="title"/>
          </p:nvPr>
        </p:nvSpPr>
        <p:spPr/>
        <p:txBody>
          <a:bodyPr/>
          <a:lstStyle/>
          <a:p>
            <a:r>
              <a:rPr lang="nl-NL" dirty="0" smtClean="0"/>
              <a:t>Komend uur</a:t>
            </a:r>
            <a:endParaRPr lang="nl-NL" dirty="0"/>
          </a:p>
        </p:txBody>
      </p:sp>
      <p:sp>
        <p:nvSpPr>
          <p:cNvPr id="6" name="Tijdelijke aanduiding voor datum 5"/>
          <p:cNvSpPr>
            <a:spLocks noGrp="1"/>
          </p:cNvSpPr>
          <p:nvPr>
            <p:ph type="dt" sz="half" idx="4294967295"/>
          </p:nvPr>
        </p:nvSpPr>
        <p:spPr>
          <a:xfrm>
            <a:off x="0" y="7165975"/>
            <a:ext cx="831850" cy="200025"/>
          </a:xfrm>
        </p:spPr>
        <p:txBody>
          <a:bodyPr/>
          <a:lstStyle/>
          <a:p>
            <a:fld id="{4FC09DFC-B8F8-4958-9D34-83C08EAA181D}" type="datetime1">
              <a:rPr lang="en-GB" smtClean="0"/>
              <a:t>23/05/2022</a:t>
            </a:fld>
            <a:endParaRPr lang="en-GB"/>
          </a:p>
        </p:txBody>
      </p:sp>
      <p:sp>
        <p:nvSpPr>
          <p:cNvPr id="8" name="Tijdelijke aanduiding voor dianummer 7"/>
          <p:cNvSpPr>
            <a:spLocks noGrp="1"/>
          </p:cNvSpPr>
          <p:nvPr>
            <p:ph type="sldNum" sz="quarter" idx="4294967295"/>
          </p:nvPr>
        </p:nvSpPr>
        <p:spPr>
          <a:xfrm>
            <a:off x="11706225" y="7165975"/>
            <a:ext cx="485775" cy="200025"/>
          </a:xfrm>
        </p:spPr>
        <p:txBody>
          <a:bodyPr/>
          <a:lstStyle/>
          <a:p>
            <a:fld id="{83D1311D-0AF4-BF42-8BF9-EAD1FE65203C}" type="slidenum">
              <a:rPr lang="en-GB" smtClean="0"/>
              <a:pPr/>
              <a:t>2</a:t>
            </a:fld>
            <a:endParaRPr lang="en-GB"/>
          </a:p>
        </p:txBody>
      </p:sp>
    </p:spTree>
    <p:extLst>
      <p:ext uri="{BB962C8B-B14F-4D97-AF65-F5344CB8AC3E}">
        <p14:creationId xmlns:p14="http://schemas.microsoft.com/office/powerpoint/2010/main" val="271644568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inhoud 2"/>
          <p:cNvSpPr>
            <a:spLocks noGrp="1"/>
          </p:cNvSpPr>
          <p:nvPr>
            <p:ph idx="1"/>
          </p:nvPr>
        </p:nvSpPr>
        <p:spPr>
          <a:xfrm>
            <a:off x="631825" y="1825626"/>
            <a:ext cx="6717881" cy="4032250"/>
          </a:xfrm>
        </p:spPr>
        <p:txBody>
          <a:bodyPr/>
          <a:lstStyle/>
          <a:p>
            <a:pPr marL="0" indent="0">
              <a:buNone/>
            </a:pPr>
            <a:r>
              <a:rPr lang="en-GB" sz="1600" dirty="0" err="1">
                <a:latin typeface="Times New Roman" panose="02020603050405020304" pitchFamily="18" charset="0"/>
                <a:cs typeface="Times New Roman" panose="02020603050405020304" pitchFamily="18" charset="0"/>
              </a:rPr>
              <a:t>Laaggeletterden</a:t>
            </a:r>
            <a:r>
              <a:rPr lang="en-GB" sz="1600" dirty="0">
                <a:latin typeface="Times New Roman" panose="02020603050405020304" pitchFamily="18" charset="0"/>
                <a:cs typeface="Times New Roman" panose="02020603050405020304" pitchFamily="18" charset="0"/>
              </a:rPr>
              <a:t> </a:t>
            </a:r>
            <a:r>
              <a:rPr lang="en-GB" sz="1600" dirty="0" err="1">
                <a:latin typeface="Times New Roman" panose="02020603050405020304" pitchFamily="18" charset="0"/>
                <a:cs typeface="Times New Roman" panose="02020603050405020304" pitchFamily="18" charset="0"/>
              </a:rPr>
              <a:t>hebben</a:t>
            </a:r>
            <a:r>
              <a:rPr lang="en-GB" sz="1600" dirty="0">
                <a:latin typeface="Times New Roman" panose="02020603050405020304" pitchFamily="18" charset="0"/>
                <a:cs typeface="Times New Roman" panose="02020603050405020304" pitchFamily="18" charset="0"/>
              </a:rPr>
              <a:t> </a:t>
            </a:r>
            <a:r>
              <a:rPr lang="en-GB" sz="1600" dirty="0" err="1">
                <a:latin typeface="Times New Roman" panose="02020603050405020304" pitchFamily="18" charset="0"/>
                <a:cs typeface="Times New Roman" panose="02020603050405020304" pitchFamily="18" charset="0"/>
              </a:rPr>
              <a:t>moeite</a:t>
            </a:r>
            <a:r>
              <a:rPr lang="en-GB" sz="1600" dirty="0">
                <a:latin typeface="Times New Roman" panose="02020603050405020304" pitchFamily="18" charset="0"/>
                <a:cs typeface="Times New Roman" panose="02020603050405020304" pitchFamily="18" charset="0"/>
              </a:rPr>
              <a:t> om </a:t>
            </a:r>
            <a:r>
              <a:rPr lang="en-GB" sz="1600" dirty="0" err="1">
                <a:latin typeface="Times New Roman" panose="02020603050405020304" pitchFamily="18" charset="0"/>
                <a:cs typeface="Times New Roman" panose="02020603050405020304" pitchFamily="18" charset="0"/>
              </a:rPr>
              <a:t>informatie</a:t>
            </a:r>
            <a:r>
              <a:rPr lang="en-GB" sz="1600" dirty="0">
                <a:latin typeface="Times New Roman" panose="02020603050405020304" pitchFamily="18" charset="0"/>
                <a:cs typeface="Times New Roman" panose="02020603050405020304" pitchFamily="18" charset="0"/>
              </a:rPr>
              <a:t> over </a:t>
            </a:r>
            <a:r>
              <a:rPr lang="en-GB" sz="1600" dirty="0" err="1">
                <a:latin typeface="Times New Roman" panose="02020603050405020304" pitchFamily="18" charset="0"/>
                <a:cs typeface="Times New Roman" panose="02020603050405020304" pitchFamily="18" charset="0"/>
              </a:rPr>
              <a:t>ziekte</a:t>
            </a:r>
            <a:r>
              <a:rPr lang="en-GB" sz="1600" dirty="0">
                <a:latin typeface="Times New Roman" panose="02020603050405020304" pitchFamily="18" charset="0"/>
                <a:cs typeface="Times New Roman" panose="02020603050405020304" pitchFamily="18" charset="0"/>
              </a:rPr>
              <a:t> en </a:t>
            </a:r>
            <a:r>
              <a:rPr lang="en-GB" sz="1600" dirty="0" err="1">
                <a:latin typeface="Times New Roman" panose="02020603050405020304" pitchFamily="18" charset="0"/>
                <a:cs typeface="Times New Roman" panose="02020603050405020304" pitchFamily="18" charset="0"/>
              </a:rPr>
              <a:t>gezondheid</a:t>
            </a:r>
            <a:r>
              <a:rPr lang="en-GB" sz="1600" dirty="0">
                <a:latin typeface="Times New Roman" panose="02020603050405020304" pitchFamily="18" charset="0"/>
                <a:cs typeface="Times New Roman" panose="02020603050405020304" pitchFamily="18" charset="0"/>
              </a:rPr>
              <a:t> te </a:t>
            </a:r>
            <a:r>
              <a:rPr lang="en-GB" sz="1600" dirty="0" err="1">
                <a:latin typeface="Times New Roman" panose="02020603050405020304" pitchFamily="18" charset="0"/>
                <a:cs typeface="Times New Roman" panose="02020603050405020304" pitchFamily="18" charset="0"/>
              </a:rPr>
              <a:t>verkrijgen</a:t>
            </a:r>
            <a:r>
              <a:rPr lang="en-GB" sz="1600" dirty="0">
                <a:latin typeface="Times New Roman" panose="02020603050405020304" pitchFamily="18" charset="0"/>
                <a:cs typeface="Times New Roman" panose="02020603050405020304" pitchFamily="18" charset="0"/>
              </a:rPr>
              <a:t>, te </a:t>
            </a:r>
            <a:r>
              <a:rPr lang="en-GB" sz="1600" dirty="0" err="1">
                <a:latin typeface="Times New Roman" panose="02020603050405020304" pitchFamily="18" charset="0"/>
                <a:cs typeface="Times New Roman" panose="02020603050405020304" pitchFamily="18" charset="0"/>
              </a:rPr>
              <a:t>begrijpen</a:t>
            </a:r>
            <a:r>
              <a:rPr lang="en-GB" sz="1600" dirty="0">
                <a:latin typeface="Times New Roman" panose="02020603050405020304" pitchFamily="18" charset="0"/>
                <a:cs typeface="Times New Roman" panose="02020603050405020304" pitchFamily="18" charset="0"/>
              </a:rPr>
              <a:t> en toe te </a:t>
            </a:r>
            <a:r>
              <a:rPr lang="en-GB" sz="1600" dirty="0" err="1">
                <a:latin typeface="Times New Roman" panose="02020603050405020304" pitchFamily="18" charset="0"/>
                <a:cs typeface="Times New Roman" panose="02020603050405020304" pitchFamily="18" charset="0"/>
              </a:rPr>
              <a:t>passen</a:t>
            </a:r>
            <a:r>
              <a:rPr lang="en-GB" sz="1600" dirty="0">
                <a:latin typeface="Times New Roman" panose="02020603050405020304" pitchFamily="18" charset="0"/>
                <a:cs typeface="Times New Roman" panose="02020603050405020304" pitchFamily="18" charset="0"/>
              </a:rPr>
              <a:t>.</a:t>
            </a:r>
            <a:r>
              <a:rPr lang="en-GB" dirty="0">
                <a:latin typeface="Times New Roman" panose="02020603050405020304" pitchFamily="18" charset="0"/>
                <a:cs typeface="Times New Roman" panose="02020603050405020304" pitchFamily="18" charset="0"/>
              </a:rPr>
              <a:t>(Pharos.nl)</a:t>
            </a:r>
          </a:p>
          <a:p>
            <a:endParaRPr lang="en-GB" sz="1200" dirty="0">
              <a:latin typeface="Times New Roman" panose="02020603050405020304" pitchFamily="18" charset="0"/>
              <a:cs typeface="Times New Roman" panose="02020603050405020304" pitchFamily="18" charset="0"/>
            </a:endParaRPr>
          </a:p>
          <a:p>
            <a:endParaRPr lang="en-GB" sz="1200" dirty="0">
              <a:latin typeface="Times New Roman" panose="02020603050405020304" pitchFamily="18" charset="0"/>
              <a:cs typeface="Times New Roman" panose="02020603050405020304" pitchFamily="18" charset="0"/>
            </a:endParaRPr>
          </a:p>
          <a:p>
            <a:endParaRPr lang="en-GB" sz="1200" i="1" dirty="0">
              <a:latin typeface="Times New Roman" panose="02020603050405020304" pitchFamily="18" charset="0"/>
              <a:cs typeface="Times New Roman" panose="02020603050405020304" pitchFamily="18" charset="0"/>
            </a:endParaRPr>
          </a:p>
          <a:p>
            <a:endParaRPr lang="en-GB" sz="1200" i="1" dirty="0">
              <a:latin typeface="Times New Roman" panose="02020603050405020304" pitchFamily="18" charset="0"/>
              <a:cs typeface="Times New Roman" panose="02020603050405020304" pitchFamily="18" charset="0"/>
            </a:endParaRPr>
          </a:p>
          <a:p>
            <a:pPr marL="0" indent="0" algn="ctr">
              <a:buNone/>
            </a:pPr>
            <a:r>
              <a:rPr lang="en-GB" sz="3200" b="1" i="1" dirty="0" err="1">
                <a:latin typeface="Times New Roman" panose="02020603050405020304" pitchFamily="18" charset="0"/>
                <a:cs typeface="Times New Roman" panose="02020603050405020304" pitchFamily="18" charset="0"/>
              </a:rPr>
              <a:t>Beeld</a:t>
            </a:r>
            <a:r>
              <a:rPr lang="en-GB" sz="3200" b="1" i="1" dirty="0">
                <a:latin typeface="Times New Roman" panose="02020603050405020304" pitchFamily="18" charset="0"/>
                <a:cs typeface="Times New Roman" panose="02020603050405020304" pitchFamily="18" charset="0"/>
              </a:rPr>
              <a:t> je </a:t>
            </a:r>
            <a:r>
              <a:rPr lang="en-GB" sz="3200" b="1" i="1" dirty="0" err="1">
                <a:latin typeface="Times New Roman" panose="02020603050405020304" pitchFamily="18" charset="0"/>
                <a:cs typeface="Times New Roman" panose="02020603050405020304" pitchFamily="18" charset="0"/>
              </a:rPr>
              <a:t>eens</a:t>
            </a:r>
            <a:r>
              <a:rPr lang="en-GB" sz="3200" b="1" i="1" dirty="0">
                <a:latin typeface="Times New Roman" panose="02020603050405020304" pitchFamily="18" charset="0"/>
                <a:cs typeface="Times New Roman" panose="02020603050405020304" pitchFamily="18" charset="0"/>
              </a:rPr>
              <a:t> in wat </a:t>
            </a:r>
            <a:r>
              <a:rPr lang="en-GB" sz="3200" b="1" i="1" dirty="0" err="1">
                <a:latin typeface="Times New Roman" panose="02020603050405020304" pitchFamily="18" charset="0"/>
                <a:cs typeface="Times New Roman" panose="02020603050405020304" pitchFamily="18" charset="0"/>
              </a:rPr>
              <a:t>dit</a:t>
            </a:r>
            <a:r>
              <a:rPr lang="en-GB" sz="3200" b="1" i="1" dirty="0">
                <a:latin typeface="Times New Roman" panose="02020603050405020304" pitchFamily="18" charset="0"/>
                <a:cs typeface="Times New Roman" panose="02020603050405020304" pitchFamily="18" charset="0"/>
              </a:rPr>
              <a:t> </a:t>
            </a:r>
            <a:r>
              <a:rPr lang="en-GB" sz="3200" b="1" i="1" dirty="0" err="1">
                <a:latin typeface="Times New Roman" panose="02020603050405020304" pitchFamily="18" charset="0"/>
                <a:cs typeface="Times New Roman" panose="02020603050405020304" pitchFamily="18" charset="0"/>
              </a:rPr>
              <a:t>betekent</a:t>
            </a:r>
            <a:r>
              <a:rPr lang="en-GB" sz="3200" b="1" i="1" dirty="0">
                <a:latin typeface="Times New Roman" panose="02020603050405020304" pitchFamily="18" charset="0"/>
                <a:cs typeface="Times New Roman" panose="02020603050405020304" pitchFamily="18" charset="0"/>
              </a:rPr>
              <a:t> voor een </a:t>
            </a:r>
            <a:r>
              <a:rPr lang="en-GB" sz="3200" b="1" i="1" dirty="0" err="1">
                <a:latin typeface="Times New Roman" panose="02020603050405020304" pitchFamily="18" charset="0"/>
                <a:cs typeface="Times New Roman" panose="02020603050405020304" pitchFamily="18" charset="0"/>
              </a:rPr>
              <a:t>patiënt</a:t>
            </a:r>
            <a:r>
              <a:rPr lang="en-GB" sz="3200" b="1" i="1" dirty="0">
                <a:latin typeface="Times New Roman" panose="02020603050405020304" pitchFamily="18" charset="0"/>
                <a:cs typeface="Times New Roman" panose="02020603050405020304" pitchFamily="18" charset="0"/>
              </a:rPr>
              <a:t> die </a:t>
            </a:r>
            <a:r>
              <a:rPr lang="en-GB" sz="3200" b="1" i="1" dirty="0" err="1">
                <a:latin typeface="Times New Roman" panose="02020603050405020304" pitchFamily="18" charset="0"/>
                <a:cs typeface="Times New Roman" panose="02020603050405020304" pitchFamily="18" charset="0"/>
              </a:rPr>
              <a:t>gediagnosticeerd</a:t>
            </a:r>
            <a:r>
              <a:rPr lang="en-GB" sz="3200" b="1" i="1" dirty="0">
                <a:latin typeface="Times New Roman" panose="02020603050405020304" pitchFamily="18" charset="0"/>
                <a:cs typeface="Times New Roman" panose="02020603050405020304" pitchFamily="18" charset="0"/>
              </a:rPr>
              <a:t> </a:t>
            </a:r>
            <a:r>
              <a:rPr lang="en-GB" sz="3200" b="1" i="1" dirty="0" err="1">
                <a:latin typeface="Times New Roman" panose="02020603050405020304" pitchFamily="18" charset="0"/>
                <a:cs typeface="Times New Roman" panose="02020603050405020304" pitchFamily="18" charset="0"/>
              </a:rPr>
              <a:t>wordt</a:t>
            </a:r>
            <a:r>
              <a:rPr lang="en-GB" sz="3200" b="1" i="1" dirty="0">
                <a:latin typeface="Times New Roman" panose="02020603050405020304" pitchFamily="18" charset="0"/>
                <a:cs typeface="Times New Roman" panose="02020603050405020304" pitchFamily="18" charset="0"/>
              </a:rPr>
              <a:t> met een </a:t>
            </a:r>
            <a:r>
              <a:rPr lang="en-GB" sz="3200" b="1" i="1" dirty="0" err="1">
                <a:latin typeface="Times New Roman" panose="02020603050405020304" pitchFamily="18" charset="0"/>
                <a:cs typeface="Times New Roman" panose="02020603050405020304" pitchFamily="18" charset="0"/>
              </a:rPr>
              <a:t>vorm</a:t>
            </a:r>
            <a:r>
              <a:rPr lang="en-GB" sz="3200" b="1" i="1" dirty="0">
                <a:latin typeface="Times New Roman" panose="02020603050405020304" pitchFamily="18" charset="0"/>
                <a:cs typeface="Times New Roman" panose="02020603050405020304" pitchFamily="18" charset="0"/>
              </a:rPr>
              <a:t> van </a:t>
            </a:r>
            <a:r>
              <a:rPr lang="en-GB" sz="3200" b="1" i="1" dirty="0" err="1">
                <a:latin typeface="Times New Roman" panose="02020603050405020304" pitchFamily="18" charset="0"/>
                <a:cs typeface="Times New Roman" panose="02020603050405020304" pitchFamily="18" charset="0"/>
              </a:rPr>
              <a:t>kanker</a:t>
            </a:r>
            <a:r>
              <a:rPr lang="en-GB" sz="3200" b="1" i="1" dirty="0">
                <a:latin typeface="Times New Roman" panose="02020603050405020304" pitchFamily="18" charset="0"/>
                <a:cs typeface="Times New Roman" panose="02020603050405020304" pitchFamily="18" charset="0"/>
              </a:rPr>
              <a:t>. </a:t>
            </a:r>
          </a:p>
          <a:p>
            <a:pPr algn="ctr"/>
            <a:endParaRPr lang="nl-NL" sz="2400" dirty="0"/>
          </a:p>
        </p:txBody>
      </p:sp>
      <p:sp>
        <p:nvSpPr>
          <p:cNvPr id="4" name="Titel 3"/>
          <p:cNvSpPr>
            <a:spLocks noGrp="1"/>
          </p:cNvSpPr>
          <p:nvPr>
            <p:ph type="title"/>
          </p:nvPr>
        </p:nvSpPr>
        <p:spPr>
          <a:xfrm>
            <a:off x="562813" y="301337"/>
            <a:ext cx="11048341" cy="648000"/>
          </a:xfrm>
        </p:spPr>
        <p:txBody>
          <a:bodyPr>
            <a:normAutofit fontScale="90000"/>
          </a:bodyPr>
          <a:lstStyle/>
          <a:p>
            <a:r>
              <a:rPr lang="en-GB" sz="4400" dirty="0" err="1">
                <a:latin typeface="+mj-lt"/>
                <a:cs typeface="Times New Roman" panose="02020603050405020304" pitchFamily="18" charset="0"/>
              </a:rPr>
              <a:t>Laaggeletterdheid</a:t>
            </a:r>
            <a:r>
              <a:rPr lang="en-GB" sz="4400" dirty="0">
                <a:latin typeface="+mj-lt"/>
                <a:cs typeface="Times New Roman" panose="02020603050405020304" pitchFamily="18" charset="0"/>
              </a:rPr>
              <a:t> </a:t>
            </a:r>
            <a:r>
              <a:rPr lang="en-GB" sz="4400" dirty="0" err="1">
                <a:latin typeface="+mj-lt"/>
                <a:cs typeface="Times New Roman" panose="02020603050405020304" pitchFamily="18" charset="0"/>
              </a:rPr>
              <a:t>binnen</a:t>
            </a:r>
            <a:r>
              <a:rPr lang="en-GB" sz="4400" dirty="0">
                <a:latin typeface="+mj-lt"/>
                <a:cs typeface="Times New Roman" panose="02020603050405020304" pitchFamily="18" charset="0"/>
              </a:rPr>
              <a:t> de </a:t>
            </a:r>
            <a:r>
              <a:rPr lang="en-GB" sz="4400" dirty="0" smtClean="0">
                <a:latin typeface="+mj-lt"/>
                <a:cs typeface="Times New Roman" panose="02020603050405020304" pitchFamily="18" charset="0"/>
              </a:rPr>
              <a:t>zorg</a:t>
            </a:r>
            <a:r>
              <a:rPr lang="en-GB" dirty="0">
                <a:latin typeface="Times New Roman" panose="02020603050405020304" pitchFamily="18" charset="0"/>
                <a:cs typeface="Times New Roman" panose="02020603050405020304" pitchFamily="18" charset="0"/>
              </a:rPr>
              <a:t/>
            </a:r>
            <a:br>
              <a:rPr lang="en-GB" dirty="0">
                <a:latin typeface="Times New Roman" panose="02020603050405020304" pitchFamily="18" charset="0"/>
                <a:cs typeface="Times New Roman" panose="02020603050405020304" pitchFamily="18" charset="0"/>
              </a:rPr>
            </a:br>
            <a:endParaRPr lang="nl-NL" dirty="0"/>
          </a:p>
        </p:txBody>
      </p:sp>
      <p:sp>
        <p:nvSpPr>
          <p:cNvPr id="5" name="Tijdelijke aanduiding voor datum 4"/>
          <p:cNvSpPr>
            <a:spLocks noGrp="1"/>
          </p:cNvSpPr>
          <p:nvPr>
            <p:ph type="dt" sz="half" idx="14"/>
          </p:nvPr>
        </p:nvSpPr>
        <p:spPr/>
        <p:txBody>
          <a:bodyPr/>
          <a:lstStyle/>
          <a:p>
            <a:fld id="{E02C8C58-7455-42B9-A9FD-EE48EC293C11}" type="datetime1">
              <a:rPr lang="en-GB" smtClean="0"/>
              <a:t>23/05/2022</a:t>
            </a:fld>
            <a:endParaRPr lang="en-GB"/>
          </a:p>
        </p:txBody>
      </p:sp>
      <p:sp>
        <p:nvSpPr>
          <p:cNvPr id="6" name="Tijdelijke aanduiding voor voettekst 5"/>
          <p:cNvSpPr>
            <a:spLocks noGrp="1"/>
          </p:cNvSpPr>
          <p:nvPr>
            <p:ph type="ftr" sz="quarter" idx="15"/>
          </p:nvPr>
        </p:nvSpPr>
        <p:spPr/>
        <p:txBody>
          <a:bodyPr/>
          <a:lstStyle/>
          <a:p>
            <a:endParaRPr lang="en-GB"/>
          </a:p>
        </p:txBody>
      </p:sp>
      <p:sp>
        <p:nvSpPr>
          <p:cNvPr id="7" name="Tijdelijke aanduiding voor dianummer 6"/>
          <p:cNvSpPr>
            <a:spLocks noGrp="1"/>
          </p:cNvSpPr>
          <p:nvPr>
            <p:ph type="sldNum" sz="quarter" idx="16"/>
          </p:nvPr>
        </p:nvSpPr>
        <p:spPr/>
        <p:txBody>
          <a:bodyPr/>
          <a:lstStyle/>
          <a:p>
            <a:fld id="{83D1311D-0AF4-BF42-8BF9-EAD1FE65203C}" type="slidenum">
              <a:rPr lang="en-GB" smtClean="0"/>
              <a:pPr/>
              <a:t>3</a:t>
            </a:fld>
            <a:endParaRPr lang="en-GB"/>
          </a:p>
        </p:txBody>
      </p:sp>
      <p:pic>
        <p:nvPicPr>
          <p:cNvPr id="9" name="Afbeelding 8"/>
          <p:cNvPicPr>
            <a:picLocks noChangeAspect="1"/>
          </p:cNvPicPr>
          <p:nvPr/>
        </p:nvPicPr>
        <p:blipFill>
          <a:blip r:embed="rId2"/>
          <a:stretch>
            <a:fillRect/>
          </a:stretch>
        </p:blipFill>
        <p:spPr>
          <a:xfrm>
            <a:off x="8372801" y="2122098"/>
            <a:ext cx="3343742" cy="3315163"/>
          </a:xfrm>
          <a:prstGeom prst="rect">
            <a:avLst/>
          </a:prstGeom>
        </p:spPr>
      </p:pic>
    </p:spTree>
    <p:extLst>
      <p:ext uri="{BB962C8B-B14F-4D97-AF65-F5344CB8AC3E}">
        <p14:creationId xmlns:p14="http://schemas.microsoft.com/office/powerpoint/2010/main" val="79447943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Ondertitel 8"/>
          <p:cNvSpPr>
            <a:spLocks noGrp="1"/>
          </p:cNvSpPr>
          <p:nvPr>
            <p:ph type="subTitle" idx="13"/>
          </p:nvPr>
        </p:nvSpPr>
        <p:spPr/>
        <p:txBody>
          <a:bodyPr/>
          <a:lstStyle/>
          <a:p>
            <a:r>
              <a:rPr lang="en-US" dirty="0" smtClean="0"/>
              <a:t>Wat </a:t>
            </a:r>
            <a:r>
              <a:rPr lang="en-US" dirty="0" err="1" smtClean="0"/>
              <a:t>betekent</a:t>
            </a:r>
            <a:r>
              <a:rPr lang="en-US" dirty="0" smtClean="0"/>
              <a:t> het om </a:t>
            </a:r>
            <a:r>
              <a:rPr lang="en-US" dirty="0" err="1" smtClean="0"/>
              <a:t>laaggeletterd</a:t>
            </a:r>
            <a:r>
              <a:rPr lang="en-US" dirty="0" smtClean="0"/>
              <a:t> te </a:t>
            </a:r>
            <a:r>
              <a:rPr lang="en-US" dirty="0" err="1" smtClean="0"/>
              <a:t>zijn</a:t>
            </a:r>
            <a:r>
              <a:rPr lang="en-US" dirty="0" smtClean="0"/>
              <a:t>? </a:t>
            </a:r>
            <a:endParaRPr lang="nl-NL" dirty="0"/>
          </a:p>
        </p:txBody>
      </p:sp>
      <p:sp>
        <p:nvSpPr>
          <p:cNvPr id="3" name="Title 2"/>
          <p:cNvSpPr>
            <a:spLocks noGrp="1"/>
          </p:cNvSpPr>
          <p:nvPr>
            <p:ph type="title"/>
          </p:nvPr>
        </p:nvSpPr>
        <p:spPr/>
        <p:txBody>
          <a:bodyPr>
            <a:normAutofit/>
          </a:bodyPr>
          <a:lstStyle/>
          <a:p>
            <a:r>
              <a:rPr lang="nl-NL" sz="2800" dirty="0" smtClean="0"/>
              <a:t>laaggeletterdheid</a:t>
            </a:r>
            <a:endParaRPr lang="nl-NL" sz="2800" dirty="0"/>
          </a:p>
        </p:txBody>
      </p:sp>
      <p:sp>
        <p:nvSpPr>
          <p:cNvPr id="4" name="Text Placeholder 3"/>
          <p:cNvSpPr>
            <a:spLocks noGrp="1"/>
          </p:cNvSpPr>
          <p:nvPr>
            <p:ph type="body" sz="half" idx="4294967295"/>
          </p:nvPr>
        </p:nvSpPr>
        <p:spPr>
          <a:xfrm>
            <a:off x="4986068" y="1514582"/>
            <a:ext cx="6601094" cy="5046663"/>
          </a:xfrm>
        </p:spPr>
        <p:txBody>
          <a:bodyPr/>
          <a:lstStyle/>
          <a:p>
            <a:endParaRPr lang="nl-NL" sz="1400" dirty="0" smtClean="0"/>
          </a:p>
          <a:p>
            <a:pPr marL="0" indent="0">
              <a:buNone/>
            </a:pPr>
            <a:endParaRPr lang="nl-NL" sz="1400" dirty="0" smtClean="0"/>
          </a:p>
          <a:p>
            <a:pPr marL="0" indent="0">
              <a:buNone/>
            </a:pPr>
            <a:r>
              <a:rPr lang="nl-NL" sz="1400" dirty="0" smtClean="0"/>
              <a:t>Laaggeletterden </a:t>
            </a:r>
            <a:r>
              <a:rPr lang="nl-NL" sz="1400" dirty="0"/>
              <a:t>met een chronische ziekte hebben bovendien meer moeite met zelfmanagement en meer kans op slechtere gezondheidsuitkomsten. (nivel.nl, 2015</a:t>
            </a:r>
            <a:r>
              <a:rPr lang="nl-NL" sz="1400" dirty="0" smtClean="0"/>
              <a:t>)</a:t>
            </a:r>
          </a:p>
          <a:p>
            <a:pPr marL="0" indent="0">
              <a:buNone/>
            </a:pPr>
            <a:endParaRPr lang="nl-NL" sz="1400" dirty="0"/>
          </a:p>
          <a:p>
            <a:r>
              <a:rPr lang="nl-NL" sz="1400" dirty="0" smtClean="0"/>
              <a:t>Schlatmann</a:t>
            </a:r>
            <a:r>
              <a:rPr lang="nl-NL" sz="1400" dirty="0"/>
              <a:t>, Hofmeester en van Balken (2016) stelden in </a:t>
            </a:r>
            <a:r>
              <a:rPr lang="nl-NL" sz="1400" dirty="0" smtClean="0"/>
              <a:t>een </a:t>
            </a:r>
            <a:r>
              <a:rPr lang="nl-NL" sz="1400" dirty="0"/>
              <a:t>artikel dat de consequenties van laaggeletterdheid op zorg- en financieel vlak, groot zijn: onder andere slechtere (oncologische) uitslagen (40%) en forse meerkosten. </a:t>
            </a:r>
          </a:p>
          <a:p>
            <a:r>
              <a:rPr lang="nl-NL" sz="1400" dirty="0" smtClean="0"/>
              <a:t>Met </a:t>
            </a:r>
            <a:r>
              <a:rPr lang="nl-NL" sz="1400" dirty="0"/>
              <a:t>de huidige steeds complexere ontwikkelingen in de oncologische zorg zullen patiënten steeds meer moeite hebben om de informatie over hun diagnose en behandeling te begrijpen en er naar te handelen, wat leidt tot een hogere mortaliteit en morbiditeit onder deze populatie (</a:t>
            </a:r>
            <a:r>
              <a:rPr lang="nl-NL" sz="1400" dirty="0" err="1"/>
              <a:t>Samoil</a:t>
            </a:r>
            <a:r>
              <a:rPr lang="nl-NL" sz="1400" dirty="0"/>
              <a:t>, Kim, Vos en </a:t>
            </a:r>
            <a:r>
              <a:rPr lang="nl-NL" sz="1400" dirty="0" err="1"/>
              <a:t>Papadakos</a:t>
            </a:r>
            <a:r>
              <a:rPr lang="nl-NL" sz="1400" dirty="0"/>
              <a:t>., 2021).</a:t>
            </a:r>
          </a:p>
          <a:p>
            <a:pPr marL="0" indent="0">
              <a:buNone/>
            </a:pPr>
            <a:endParaRPr lang="nl-NL" sz="1400" dirty="0" smtClean="0"/>
          </a:p>
          <a:p>
            <a:pPr marL="0" indent="0">
              <a:buNone/>
            </a:pPr>
            <a:endParaRPr lang="nl-NL" sz="1400" dirty="0" smtClean="0"/>
          </a:p>
          <a:p>
            <a:pPr marL="0" indent="0">
              <a:buNone/>
            </a:pPr>
            <a:r>
              <a:rPr lang="nl-NL" sz="1400" dirty="0" smtClean="0"/>
              <a:t> </a:t>
            </a:r>
            <a:endParaRPr lang="nl-NL" sz="1400" dirty="0"/>
          </a:p>
        </p:txBody>
      </p:sp>
      <p:sp>
        <p:nvSpPr>
          <p:cNvPr id="5" name="Date Placeholder 4"/>
          <p:cNvSpPr>
            <a:spLocks noGrp="1"/>
          </p:cNvSpPr>
          <p:nvPr>
            <p:ph type="dt" sz="half" idx="4294967295"/>
          </p:nvPr>
        </p:nvSpPr>
        <p:spPr>
          <a:xfrm>
            <a:off x="0" y="6483350"/>
            <a:ext cx="831850" cy="200025"/>
          </a:xfrm>
        </p:spPr>
        <p:txBody>
          <a:bodyPr/>
          <a:lstStyle/>
          <a:p>
            <a:fld id="{8D2B81A2-5B81-4A11-B009-4CA1936816F2}" type="datetime1">
              <a:rPr lang="en-GB" smtClean="0"/>
              <a:t>23/05/2022</a:t>
            </a:fld>
            <a:endParaRPr lang="en-GB"/>
          </a:p>
        </p:txBody>
      </p:sp>
      <p:sp>
        <p:nvSpPr>
          <p:cNvPr id="7" name="Slide Number Placeholder 6"/>
          <p:cNvSpPr>
            <a:spLocks noGrp="1"/>
          </p:cNvSpPr>
          <p:nvPr>
            <p:ph type="sldNum" sz="quarter" idx="4294967295"/>
          </p:nvPr>
        </p:nvSpPr>
        <p:spPr>
          <a:xfrm>
            <a:off x="11706225" y="6483350"/>
            <a:ext cx="485775" cy="200025"/>
          </a:xfrm>
        </p:spPr>
        <p:txBody>
          <a:bodyPr/>
          <a:lstStyle/>
          <a:p>
            <a:fld id="{83D1311D-0AF4-BF42-8BF9-EAD1FE65203C}" type="slidenum">
              <a:rPr lang="en-GB" smtClean="0"/>
              <a:pPr/>
              <a:t>4</a:t>
            </a:fld>
            <a:endParaRPr lang="en-GB"/>
          </a:p>
        </p:txBody>
      </p:sp>
      <p:pic>
        <p:nvPicPr>
          <p:cNvPr id="10" name="Tijdelijke aanduiding voor inhoud 15"/>
          <p:cNvPicPr>
            <a:picLocks noChangeAspect="1"/>
          </p:cNvPicPr>
          <p:nvPr/>
        </p:nvPicPr>
        <p:blipFill>
          <a:blip r:embed="rId2"/>
          <a:stretch>
            <a:fillRect/>
          </a:stretch>
        </p:blipFill>
        <p:spPr bwMode="auto">
          <a:xfrm>
            <a:off x="570367" y="1497550"/>
            <a:ext cx="3751467" cy="49365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405148594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descr="Nederlands hv12 - Lesmateriaal - Wikiwijs"/>
          <p:cNvPicPr>
            <a:picLocks noGrp="1" noChangeAspect="1"/>
          </p:cNvPicPr>
          <p:nvPr>
            <p:ph type="pic" idx="1"/>
          </p:nvPr>
        </p:nvPicPr>
        <p:blipFill>
          <a:blip r:embed="rId2">
            <a:extLst>
              <a:ext uri="{28A0092B-C50C-407E-A947-70E740481C1C}">
                <a14:useLocalDpi xmlns:a14="http://schemas.microsoft.com/office/drawing/2010/main" val="0"/>
              </a:ext>
            </a:extLst>
          </a:blip>
          <a:srcRect t="15992" b="15992"/>
          <a:stretch>
            <a:fillRect/>
          </a:stretch>
        </p:blipFill>
        <p:spPr>
          <a:xfrm>
            <a:off x="6635332" y="1578545"/>
            <a:ext cx="5060974" cy="4290443"/>
          </a:xfrm>
        </p:spPr>
      </p:pic>
      <p:sp>
        <p:nvSpPr>
          <p:cNvPr id="3" name="Title 2"/>
          <p:cNvSpPr>
            <a:spLocks noGrp="1"/>
          </p:cNvSpPr>
          <p:nvPr>
            <p:ph type="title"/>
          </p:nvPr>
        </p:nvSpPr>
        <p:spPr>
          <a:xfrm>
            <a:off x="631826" y="457200"/>
            <a:ext cx="4140200" cy="764771"/>
          </a:xfrm>
        </p:spPr>
        <p:txBody>
          <a:bodyPr/>
          <a:lstStyle/>
          <a:p>
            <a:r>
              <a:rPr lang="nl-NL" dirty="0" smtClean="0"/>
              <a:t>Paar cijfers</a:t>
            </a:r>
            <a:endParaRPr lang="nl-NL" dirty="0"/>
          </a:p>
        </p:txBody>
      </p:sp>
      <p:sp>
        <p:nvSpPr>
          <p:cNvPr id="4" name="Text Placeholder 3"/>
          <p:cNvSpPr>
            <a:spLocks noGrp="1"/>
          </p:cNvSpPr>
          <p:nvPr>
            <p:ph type="body" sz="half" idx="2"/>
          </p:nvPr>
        </p:nvSpPr>
        <p:spPr>
          <a:xfrm>
            <a:off x="631826" y="1612669"/>
            <a:ext cx="5415291" cy="4256319"/>
          </a:xfrm>
        </p:spPr>
        <p:txBody>
          <a:bodyPr/>
          <a:lstStyle/>
          <a:p>
            <a:r>
              <a:rPr lang="nl-NL" dirty="0"/>
              <a:t>Eén op de drie Nederlanders heeft beperkte gezondheidsvaardigheden. Dit betekent dat zij moeite hebben met het vinden, begrijpen en toepassen van informatie over gezondheid. Een deel van deze groep is laaggeletterd. (Pharos</a:t>
            </a:r>
            <a:r>
              <a:rPr lang="nl-NL" dirty="0" smtClean="0"/>
              <a:t>.,2020</a:t>
            </a:r>
            <a:r>
              <a:rPr lang="nl-NL" dirty="0" smtClean="0"/>
              <a:t>)</a:t>
            </a:r>
          </a:p>
          <a:p>
            <a:endParaRPr lang="nl-NL" dirty="0" smtClean="0"/>
          </a:p>
          <a:p>
            <a:r>
              <a:rPr lang="nl-NL" dirty="0" smtClean="0"/>
              <a:t>In </a:t>
            </a:r>
            <a:r>
              <a:rPr lang="nl-NL" dirty="0"/>
              <a:t>Nederland hebben 2,5 miljoen mensen van 16 jaar en ouder moeite met lezen, schrijven en/of rekenen</a:t>
            </a:r>
            <a:r>
              <a:rPr lang="nl-NL" dirty="0" smtClean="0"/>
              <a:t>.(Stichting Lezen en Schrijven, 2015</a:t>
            </a:r>
            <a:r>
              <a:rPr lang="nl-NL" dirty="0" smtClean="0"/>
              <a:t>)</a:t>
            </a:r>
          </a:p>
          <a:p>
            <a:endParaRPr lang="nl-NL" dirty="0" smtClean="0"/>
          </a:p>
          <a:p>
            <a:r>
              <a:rPr lang="nl-NL" dirty="0" smtClean="0"/>
              <a:t>Het </a:t>
            </a:r>
            <a:r>
              <a:rPr lang="nl-NL" dirty="0"/>
              <a:t>percentage laaggeletterde in Nederland is verschillend per regio of </a:t>
            </a:r>
            <a:r>
              <a:rPr lang="nl-NL" dirty="0" smtClean="0"/>
              <a:t>stad.</a:t>
            </a:r>
            <a:r>
              <a:rPr lang="nl-NL" dirty="0"/>
              <a:t> </a:t>
            </a:r>
            <a:r>
              <a:rPr lang="nl-NL" dirty="0" smtClean="0"/>
              <a:t>In </a:t>
            </a:r>
            <a:r>
              <a:rPr lang="nl-NL" dirty="0"/>
              <a:t>de provincie Flevoland en Zuid Holland zijn de percentages het hoogst (Stichting Lezen en Schrijven, 2015). </a:t>
            </a:r>
            <a:endParaRPr lang="nl-NL" dirty="0" smtClean="0"/>
          </a:p>
          <a:p>
            <a:endParaRPr lang="nl-NL" dirty="0" smtClean="0"/>
          </a:p>
          <a:p>
            <a:r>
              <a:rPr lang="nl-NL" dirty="0" smtClean="0"/>
              <a:t>In 2015 was gemiddeld 21 % van de Rotterdamse bevolking laaggeletterd (rotterdam.nl, 2015)</a:t>
            </a:r>
            <a:endParaRPr lang="nl-NL" dirty="0"/>
          </a:p>
          <a:p>
            <a:endParaRPr lang="nl-NL" dirty="0" smtClean="0"/>
          </a:p>
          <a:p>
            <a:endParaRPr lang="nl-NL" dirty="0"/>
          </a:p>
        </p:txBody>
      </p:sp>
      <p:sp>
        <p:nvSpPr>
          <p:cNvPr id="5" name="Date Placeholder 4"/>
          <p:cNvSpPr>
            <a:spLocks noGrp="1"/>
          </p:cNvSpPr>
          <p:nvPr>
            <p:ph type="dt" sz="half" idx="10"/>
          </p:nvPr>
        </p:nvSpPr>
        <p:spPr/>
        <p:txBody>
          <a:bodyPr/>
          <a:lstStyle/>
          <a:p>
            <a:fld id="{8D2B81A2-5B81-4A11-B009-4CA1936816F2}" type="datetime1">
              <a:rPr lang="en-GB" smtClean="0"/>
              <a:t>23/05/2022</a:t>
            </a:fld>
            <a:endParaRPr lang="en-GB"/>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83D1311D-0AF4-BF42-8BF9-EAD1FE65203C}" type="slidenum">
              <a:rPr lang="en-GB" smtClean="0"/>
              <a:pPr/>
              <a:t>5</a:t>
            </a:fld>
            <a:endParaRPr lang="en-GB"/>
          </a:p>
        </p:txBody>
      </p:sp>
    </p:spTree>
    <p:extLst>
      <p:ext uri="{BB962C8B-B14F-4D97-AF65-F5344CB8AC3E}">
        <p14:creationId xmlns:p14="http://schemas.microsoft.com/office/powerpoint/2010/main" val="154387688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p:cNvSpPr>
            <a:spLocks noGrp="1"/>
          </p:cNvSpPr>
          <p:nvPr>
            <p:ph type="subTitle" idx="13"/>
          </p:nvPr>
        </p:nvSpPr>
        <p:spPr>
          <a:xfrm>
            <a:off x="631825" y="1429788"/>
            <a:ext cx="10209213" cy="457201"/>
          </a:xfrm>
        </p:spPr>
        <p:txBody>
          <a:bodyPr/>
          <a:lstStyle/>
          <a:p>
            <a:r>
              <a:rPr lang="nl-NL" sz="1600" dirty="0"/>
              <a:t>Casus</a:t>
            </a:r>
          </a:p>
          <a:p>
            <a:endParaRPr lang="nl-NL" dirty="0"/>
          </a:p>
        </p:txBody>
      </p:sp>
      <p:sp>
        <p:nvSpPr>
          <p:cNvPr id="3" name="Content Placeholder 2"/>
          <p:cNvSpPr>
            <a:spLocks noGrp="1"/>
          </p:cNvSpPr>
          <p:nvPr>
            <p:ph idx="1"/>
          </p:nvPr>
        </p:nvSpPr>
        <p:spPr/>
        <p:txBody>
          <a:bodyPr/>
          <a:lstStyle/>
          <a:p>
            <a:pPr marL="0" indent="0">
              <a:buNone/>
            </a:pPr>
            <a:endParaRPr lang="nl-NL" dirty="0"/>
          </a:p>
          <a:p>
            <a:pPr marL="0" indent="0">
              <a:lnSpc>
                <a:spcPct val="100000"/>
              </a:lnSpc>
              <a:buNone/>
            </a:pPr>
            <a:r>
              <a:rPr lang="nl-NL" sz="1800" dirty="0" smtClean="0"/>
              <a:t>Dhr. X. komt </a:t>
            </a:r>
            <a:r>
              <a:rPr lang="nl-NL" sz="1800" dirty="0" err="1" smtClean="0"/>
              <a:t>ivm</a:t>
            </a:r>
            <a:r>
              <a:rPr lang="nl-NL" sz="1800" dirty="0" smtClean="0"/>
              <a:t> CLL voor chemokuren op de dagbehandeling </a:t>
            </a:r>
            <a:r>
              <a:rPr lang="nl-NL" sz="1800" dirty="0" err="1" smtClean="0"/>
              <a:t>onco</a:t>
            </a:r>
            <a:r>
              <a:rPr lang="nl-NL" sz="1800" dirty="0" smtClean="0"/>
              <a:t>-/hematologie. Afgelopen weken heeft de arts herhaaldelijk gevraagd of alles goed ging en of dhr. geen last had van bijwerkingen, zoals bijv. vermoeidheid, misselijkheid,  bloed in de ontlasting. Dhr. X vertelt dat alles goed gaat</a:t>
            </a:r>
            <a:r>
              <a:rPr lang="nl-NL" sz="1800" dirty="0" smtClean="0"/>
              <a:t>.</a:t>
            </a:r>
          </a:p>
          <a:p>
            <a:pPr marL="0" indent="0">
              <a:lnSpc>
                <a:spcPct val="100000"/>
              </a:lnSpc>
              <a:buNone/>
            </a:pPr>
            <a:endParaRPr lang="nl-NL" sz="1800" dirty="0" smtClean="0"/>
          </a:p>
          <a:p>
            <a:pPr marL="0" indent="0">
              <a:buNone/>
            </a:pPr>
            <a:r>
              <a:rPr lang="nl-NL" sz="1800" dirty="0" smtClean="0"/>
              <a:t>Een paar weken later vertelt hij dat hij al een tijdje zwarte ontlasting heeft. Het </a:t>
            </a:r>
            <a:r>
              <a:rPr lang="nl-NL" sz="1800" dirty="0" err="1" smtClean="0"/>
              <a:t>Ferritine</a:t>
            </a:r>
            <a:r>
              <a:rPr lang="nl-NL" sz="1800" dirty="0" smtClean="0"/>
              <a:t>-gehalte in het bloed van dhr. is verlaagd. Er wordt gestart met </a:t>
            </a:r>
            <a:r>
              <a:rPr lang="nl-NL" sz="1800" dirty="0" err="1"/>
              <a:t>V</a:t>
            </a:r>
            <a:r>
              <a:rPr lang="nl-NL" sz="1800" dirty="0" err="1" smtClean="0"/>
              <a:t>enofer</a:t>
            </a:r>
            <a:r>
              <a:rPr lang="nl-NL" sz="1800" dirty="0" smtClean="0"/>
              <a:t> infusie. Op een dag verschijnt Dhr. X niet op de geplande afspraak. Er werd gebeld met dhr. om een nieuwe afspraak te maken. </a:t>
            </a:r>
            <a:endParaRPr lang="nl-NL" sz="1800" dirty="0" smtClean="0"/>
          </a:p>
          <a:p>
            <a:pPr marL="0" indent="0">
              <a:buNone/>
            </a:pPr>
            <a:endParaRPr lang="nl-NL" sz="1800" dirty="0" smtClean="0"/>
          </a:p>
          <a:p>
            <a:pPr marL="0" indent="0">
              <a:buNone/>
            </a:pPr>
            <a:r>
              <a:rPr lang="nl-NL" sz="1800" dirty="0" smtClean="0"/>
              <a:t>Als Dhr. weer op de afdeling is vertelt hij dat hij een paar dagen eerder wel een brief had ontvangen, maar deze niet had geopend; “dit houden mijn kinderen in de gaten”. </a:t>
            </a:r>
          </a:p>
          <a:p>
            <a:pPr marL="0" indent="0">
              <a:buNone/>
            </a:pPr>
            <a:r>
              <a:rPr lang="nl-NL" dirty="0"/>
              <a:t>	</a:t>
            </a:r>
            <a:endParaRPr lang="nl-NL" dirty="0" smtClean="0"/>
          </a:p>
          <a:p>
            <a:pPr marL="0" indent="0">
              <a:buNone/>
            </a:pPr>
            <a:r>
              <a:rPr lang="nl-NL" dirty="0" smtClean="0"/>
              <a:t> </a:t>
            </a:r>
            <a:endParaRPr lang="nl-NL" dirty="0"/>
          </a:p>
        </p:txBody>
      </p:sp>
      <p:sp>
        <p:nvSpPr>
          <p:cNvPr id="4" name="Title 3"/>
          <p:cNvSpPr>
            <a:spLocks noGrp="1"/>
          </p:cNvSpPr>
          <p:nvPr>
            <p:ph type="title"/>
          </p:nvPr>
        </p:nvSpPr>
        <p:spPr>
          <a:xfrm>
            <a:off x="631825" y="365126"/>
            <a:ext cx="10209211" cy="648000"/>
          </a:xfrm>
        </p:spPr>
        <p:txBody>
          <a:bodyPr>
            <a:noAutofit/>
          </a:bodyPr>
          <a:lstStyle/>
          <a:p>
            <a:r>
              <a:rPr lang="nl-NL" sz="3600" dirty="0" smtClean="0"/>
              <a:t>Herkennen van </a:t>
            </a:r>
            <a:r>
              <a:rPr lang="nl-NL" sz="3600" dirty="0" smtClean="0"/>
              <a:t>laaggeletterden</a:t>
            </a:r>
            <a:endParaRPr lang="nl-NL" sz="3600" dirty="0"/>
          </a:p>
        </p:txBody>
      </p:sp>
      <p:sp>
        <p:nvSpPr>
          <p:cNvPr id="5" name="Date Placeholder 4"/>
          <p:cNvSpPr>
            <a:spLocks noGrp="1"/>
          </p:cNvSpPr>
          <p:nvPr>
            <p:ph type="dt" sz="half" idx="14"/>
          </p:nvPr>
        </p:nvSpPr>
        <p:spPr/>
        <p:txBody>
          <a:bodyPr/>
          <a:lstStyle/>
          <a:p>
            <a:fld id="{E02C8C58-7455-42B9-A9FD-EE48EC293C11}" type="datetime1">
              <a:rPr lang="en-GB" smtClean="0"/>
              <a:t>23/05/2022</a:t>
            </a:fld>
            <a:endParaRPr lang="en-GB"/>
          </a:p>
        </p:txBody>
      </p:sp>
      <p:sp>
        <p:nvSpPr>
          <p:cNvPr id="6" name="Footer Placeholder 5"/>
          <p:cNvSpPr>
            <a:spLocks noGrp="1"/>
          </p:cNvSpPr>
          <p:nvPr>
            <p:ph type="ftr" sz="quarter" idx="15"/>
          </p:nvPr>
        </p:nvSpPr>
        <p:spPr/>
        <p:txBody>
          <a:bodyPr/>
          <a:lstStyle/>
          <a:p>
            <a:endParaRPr lang="en-GB"/>
          </a:p>
        </p:txBody>
      </p:sp>
      <p:sp>
        <p:nvSpPr>
          <p:cNvPr id="7" name="Slide Number Placeholder 6"/>
          <p:cNvSpPr>
            <a:spLocks noGrp="1"/>
          </p:cNvSpPr>
          <p:nvPr>
            <p:ph type="sldNum" sz="quarter" idx="16"/>
          </p:nvPr>
        </p:nvSpPr>
        <p:spPr/>
        <p:txBody>
          <a:bodyPr/>
          <a:lstStyle/>
          <a:p>
            <a:fld id="{83D1311D-0AF4-BF42-8BF9-EAD1FE65203C}" type="slidenum">
              <a:rPr lang="en-GB" smtClean="0"/>
              <a:pPr/>
              <a:t>6</a:t>
            </a:fld>
            <a:endParaRPr lang="en-GB"/>
          </a:p>
        </p:txBody>
      </p:sp>
    </p:spTree>
    <p:extLst>
      <p:ext uri="{BB962C8B-B14F-4D97-AF65-F5344CB8AC3E}">
        <p14:creationId xmlns:p14="http://schemas.microsoft.com/office/powerpoint/2010/main" val="379087911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511055" y="457197"/>
            <a:ext cx="10548008" cy="523702"/>
          </a:xfrm>
        </p:spPr>
        <p:txBody>
          <a:bodyPr>
            <a:normAutofit fontScale="90000"/>
          </a:bodyPr>
          <a:lstStyle/>
          <a:p>
            <a:r>
              <a:rPr lang="nl-NL" sz="4400" dirty="0" smtClean="0"/>
              <a:t>Opzet en  </a:t>
            </a:r>
            <a:r>
              <a:rPr lang="nl-NL" sz="4400" dirty="0"/>
              <a:t>Doel van </a:t>
            </a:r>
            <a:r>
              <a:rPr lang="nl-NL" sz="4400" dirty="0" smtClean="0"/>
              <a:t>onderzoek</a:t>
            </a:r>
            <a:endParaRPr lang="nl-NL" sz="1600" dirty="0"/>
          </a:p>
        </p:txBody>
      </p:sp>
      <p:sp>
        <p:nvSpPr>
          <p:cNvPr id="3" name="Content Placeholder 2"/>
          <p:cNvSpPr>
            <a:spLocks noGrp="1"/>
          </p:cNvSpPr>
          <p:nvPr>
            <p:ph idx="1"/>
          </p:nvPr>
        </p:nvSpPr>
        <p:spPr>
          <a:xfrm>
            <a:off x="7384211" y="1283326"/>
            <a:ext cx="4252823" cy="4897294"/>
          </a:xfrm>
          <a:ln w="38100">
            <a:solidFill>
              <a:srgbClr val="0C2074"/>
            </a:solidFill>
          </a:ln>
        </p:spPr>
        <p:txBody>
          <a:bodyPr/>
          <a:lstStyle/>
          <a:p>
            <a:pPr marL="0" indent="0">
              <a:buNone/>
            </a:pPr>
            <a:endParaRPr lang="nl-NL" sz="1100" b="1" dirty="0" smtClean="0"/>
          </a:p>
          <a:p>
            <a:pPr marL="0" indent="0">
              <a:buNone/>
            </a:pPr>
            <a:r>
              <a:rPr lang="nl-NL" sz="1100" b="1" dirty="0" smtClean="0"/>
              <a:t>	Weet </a:t>
            </a:r>
            <a:r>
              <a:rPr lang="nl-NL" sz="1100" b="1" dirty="0"/>
              <a:t>je wat laaggeletterdheid </a:t>
            </a:r>
            <a:r>
              <a:rPr lang="nl-NL" sz="1100" b="1" dirty="0" smtClean="0"/>
              <a:t>is?</a:t>
            </a:r>
            <a:r>
              <a:rPr lang="nl-NL" sz="1100" dirty="0"/>
              <a:t>	</a:t>
            </a:r>
            <a:endParaRPr lang="nl-NL" sz="1100" dirty="0" smtClean="0"/>
          </a:p>
          <a:p>
            <a:pPr marL="0" indent="0">
              <a:buNone/>
            </a:pPr>
            <a:r>
              <a:rPr lang="nl-NL" sz="1100" dirty="0"/>
              <a:t>	</a:t>
            </a:r>
            <a:r>
              <a:rPr lang="nl-NL" sz="1100" dirty="0" smtClean="0"/>
              <a:t>	</a:t>
            </a:r>
            <a:r>
              <a:rPr lang="nl-NL" sz="1100" dirty="0" err="1" smtClean="0"/>
              <a:t>Frequency</a:t>
            </a:r>
            <a:r>
              <a:rPr lang="nl-NL" sz="1100" dirty="0"/>
              <a:t>	Percent	</a:t>
            </a:r>
            <a:endParaRPr lang="nl-NL" sz="1100" dirty="0" smtClean="0"/>
          </a:p>
          <a:p>
            <a:pPr marL="0" indent="0">
              <a:buNone/>
            </a:pPr>
            <a:r>
              <a:rPr lang="fi-FI" sz="1100" dirty="0"/>
              <a:t>	ja	18	</a:t>
            </a:r>
            <a:r>
              <a:rPr lang="fi-FI" sz="1100" dirty="0">
                <a:solidFill>
                  <a:srgbClr val="FF0000"/>
                </a:solidFill>
              </a:rPr>
              <a:t>85,7</a:t>
            </a:r>
            <a:r>
              <a:rPr lang="fi-FI" sz="1100" dirty="0"/>
              <a:t>		</a:t>
            </a:r>
          </a:p>
          <a:p>
            <a:pPr marL="0" indent="0">
              <a:buNone/>
            </a:pPr>
            <a:r>
              <a:rPr lang="nl-NL" sz="1100" dirty="0"/>
              <a:t>	ongeveer	3	14,3	</a:t>
            </a:r>
          </a:p>
          <a:p>
            <a:pPr marL="0" indent="0">
              <a:buNone/>
            </a:pPr>
            <a:endParaRPr lang="nl-NL" sz="1100" dirty="0" smtClean="0"/>
          </a:p>
          <a:p>
            <a:endParaRPr lang="nl-NL" b="1" dirty="0"/>
          </a:p>
          <a:p>
            <a:pPr marL="0" indent="0">
              <a:buNone/>
            </a:pPr>
            <a:r>
              <a:rPr lang="nl-NL" sz="1100" b="1" dirty="0" smtClean="0"/>
              <a:t>	Herken </a:t>
            </a:r>
            <a:r>
              <a:rPr lang="nl-NL" sz="1100" b="1" dirty="0"/>
              <a:t>je een </a:t>
            </a:r>
            <a:r>
              <a:rPr lang="nl-NL" sz="1100" b="1" dirty="0" smtClean="0"/>
              <a:t>patiënt </a:t>
            </a:r>
            <a:r>
              <a:rPr lang="nl-NL" sz="1100" b="1" dirty="0"/>
              <a:t>die laaggeletterd </a:t>
            </a:r>
            <a:r>
              <a:rPr lang="nl-NL" sz="1100" b="1" dirty="0" smtClean="0"/>
              <a:t>is?</a:t>
            </a:r>
            <a:r>
              <a:rPr lang="nl-NL" sz="1100" b="1" dirty="0"/>
              <a:t>	</a:t>
            </a:r>
            <a:endParaRPr lang="nl-NL" sz="1100" b="1" dirty="0" smtClean="0"/>
          </a:p>
          <a:p>
            <a:pPr marL="0" indent="0">
              <a:buNone/>
            </a:pPr>
            <a:r>
              <a:rPr lang="nl-NL" sz="1100" dirty="0"/>
              <a:t>	</a:t>
            </a:r>
            <a:r>
              <a:rPr lang="nl-NL" sz="1100" dirty="0" smtClean="0"/>
              <a:t>	</a:t>
            </a:r>
            <a:r>
              <a:rPr lang="nl-NL" sz="1100" dirty="0" err="1" smtClean="0"/>
              <a:t>Frequency</a:t>
            </a:r>
            <a:r>
              <a:rPr lang="nl-NL" sz="1100" dirty="0"/>
              <a:t>	Percent		</a:t>
            </a:r>
          </a:p>
          <a:p>
            <a:pPr marL="0" indent="0">
              <a:buNone/>
            </a:pPr>
            <a:r>
              <a:rPr lang="nl-NL" sz="1100" dirty="0"/>
              <a:t>	nee	6	28,6	</a:t>
            </a:r>
            <a:endParaRPr lang="nl-NL" sz="1100" dirty="0" smtClean="0"/>
          </a:p>
          <a:p>
            <a:pPr marL="0" indent="0">
              <a:buNone/>
            </a:pPr>
            <a:r>
              <a:rPr lang="fi-FI" sz="1100" dirty="0"/>
              <a:t>	ja	10	</a:t>
            </a:r>
            <a:r>
              <a:rPr lang="fi-FI" sz="1100" dirty="0">
                <a:solidFill>
                  <a:srgbClr val="FF0000"/>
                </a:solidFill>
              </a:rPr>
              <a:t>47,6</a:t>
            </a:r>
            <a:r>
              <a:rPr lang="fi-FI" sz="1100" dirty="0"/>
              <a:t>		</a:t>
            </a:r>
          </a:p>
          <a:p>
            <a:pPr marL="0" indent="0">
              <a:buNone/>
            </a:pPr>
            <a:r>
              <a:rPr lang="nl-NL" sz="1100" dirty="0"/>
              <a:t>	Total	16	76,2			</a:t>
            </a:r>
          </a:p>
          <a:p>
            <a:pPr marL="0" indent="0">
              <a:buNone/>
            </a:pPr>
            <a:r>
              <a:rPr lang="nl-NL" sz="1100" dirty="0" smtClean="0"/>
              <a:t>	Missing</a:t>
            </a:r>
            <a:r>
              <a:rPr lang="nl-NL" sz="1100" dirty="0"/>
              <a:t>	</a:t>
            </a:r>
            <a:r>
              <a:rPr lang="nl-NL" sz="1100" dirty="0" smtClean="0"/>
              <a:t>5</a:t>
            </a:r>
            <a:r>
              <a:rPr lang="nl-NL" sz="1100" dirty="0"/>
              <a:t>	23,8			</a:t>
            </a:r>
          </a:p>
          <a:p>
            <a:pPr marL="0" indent="0">
              <a:buNone/>
            </a:pPr>
            <a:r>
              <a:rPr lang="nl-NL" sz="1100" dirty="0"/>
              <a:t>			</a:t>
            </a:r>
          </a:p>
          <a:p>
            <a:pPr marL="0" indent="0">
              <a:buNone/>
            </a:pPr>
            <a:endParaRPr lang="nl-NL" dirty="0"/>
          </a:p>
        </p:txBody>
      </p:sp>
      <p:sp>
        <p:nvSpPr>
          <p:cNvPr id="4" name="Text Placeholder 3"/>
          <p:cNvSpPr>
            <a:spLocks noGrp="1"/>
          </p:cNvSpPr>
          <p:nvPr>
            <p:ph type="body" sz="half" idx="2"/>
          </p:nvPr>
        </p:nvSpPr>
        <p:spPr>
          <a:xfrm>
            <a:off x="511055" y="1535918"/>
            <a:ext cx="6208921" cy="5147182"/>
          </a:xfrm>
        </p:spPr>
        <p:txBody>
          <a:bodyPr/>
          <a:lstStyle/>
          <a:p>
            <a:r>
              <a:rPr lang="nl-NL" dirty="0" smtClean="0"/>
              <a:t>Het onderzoek was er op gericht om te achterhalen of de </a:t>
            </a:r>
            <a:r>
              <a:rPr lang="nl-NL" dirty="0" smtClean="0"/>
              <a:t>verpleegkundigen </a:t>
            </a:r>
            <a:r>
              <a:rPr lang="nl-NL" dirty="0" smtClean="0"/>
              <a:t>de laaggeletterde patiënt </a:t>
            </a:r>
            <a:r>
              <a:rPr lang="nl-NL" dirty="0" smtClean="0"/>
              <a:t>herkent </a:t>
            </a:r>
            <a:r>
              <a:rPr lang="nl-NL" dirty="0" smtClean="0"/>
              <a:t>en deze kan begeleiden en ondersteunen.</a:t>
            </a:r>
          </a:p>
          <a:p>
            <a:r>
              <a:rPr lang="nl-NL" dirty="0"/>
              <a:t>H</a:t>
            </a:r>
            <a:r>
              <a:rPr lang="nl-NL" dirty="0" smtClean="0"/>
              <a:t>et 1</a:t>
            </a:r>
            <a:r>
              <a:rPr lang="nl-NL" baseline="30000" dirty="0" smtClean="0"/>
              <a:t>e</a:t>
            </a:r>
            <a:r>
              <a:rPr lang="nl-NL" dirty="0" smtClean="0"/>
              <a:t> onderzoek (0-meting) bestond uit:</a:t>
            </a:r>
          </a:p>
          <a:p>
            <a:pPr marL="285750" indent="-285750">
              <a:buFont typeface="Arial" panose="020B0604020202020204" pitchFamily="34" charset="0"/>
              <a:buChar char="•"/>
            </a:pPr>
            <a:r>
              <a:rPr lang="nl-NL" dirty="0" smtClean="0"/>
              <a:t>een vragenlijst; </a:t>
            </a:r>
            <a:endParaRPr lang="nl-NL" dirty="0" smtClean="0"/>
          </a:p>
          <a:p>
            <a:pPr marL="285750" indent="-285750">
              <a:buFont typeface="Arial" panose="020B0604020202020204" pitchFamily="34" charset="0"/>
              <a:buChar char="•"/>
            </a:pPr>
            <a:r>
              <a:rPr lang="nl-NL" dirty="0" smtClean="0"/>
              <a:t>een observatieonderzoek; </a:t>
            </a:r>
            <a:endParaRPr lang="nl-NL" dirty="0" smtClean="0"/>
          </a:p>
          <a:p>
            <a:pPr marL="285750" indent="-285750">
              <a:buFont typeface="Arial" panose="020B0604020202020204" pitchFamily="34" charset="0"/>
              <a:buChar char="•"/>
            </a:pPr>
            <a:r>
              <a:rPr lang="nl-NL" dirty="0" smtClean="0"/>
              <a:t>een </a:t>
            </a:r>
            <a:r>
              <a:rPr lang="nl-NL" dirty="0" smtClean="0"/>
              <a:t>meting op het telefonisch verpleegkundig spreekuur. </a:t>
            </a:r>
          </a:p>
          <a:p>
            <a:endParaRPr lang="nl-NL" dirty="0" smtClean="0"/>
          </a:p>
          <a:p>
            <a:r>
              <a:rPr lang="nl-NL" dirty="0" smtClean="0"/>
              <a:t>We </a:t>
            </a:r>
            <a:r>
              <a:rPr lang="nl-NL" dirty="0" smtClean="0"/>
              <a:t>willen meten of de interventies die we willen inzetten </a:t>
            </a:r>
            <a:r>
              <a:rPr lang="nl-NL" dirty="0"/>
              <a:t>op de voorlichting van </a:t>
            </a:r>
            <a:r>
              <a:rPr lang="nl-NL" dirty="0" smtClean="0"/>
              <a:t>invloed zijn op het telefonische spreekuur.   </a:t>
            </a:r>
          </a:p>
          <a:p>
            <a:r>
              <a:rPr lang="nl-NL" dirty="0" smtClean="0"/>
              <a:t>Aantal respondenten is 21(N=21) waarvan 15 verpleegkundigen van de dagbehandeling interne oncologie/hematologie en 6 verpleegkundig </a:t>
            </a:r>
            <a:r>
              <a:rPr lang="nl-NL" dirty="0" smtClean="0"/>
              <a:t>specialisten </a:t>
            </a:r>
            <a:r>
              <a:rPr lang="nl-NL" dirty="0" smtClean="0"/>
              <a:t>binnen de ambulante zorg thema Daniel. </a:t>
            </a:r>
          </a:p>
          <a:p>
            <a:endParaRPr lang="nl-NL" sz="1600" dirty="0" smtClean="0"/>
          </a:p>
          <a:p>
            <a:r>
              <a:rPr lang="nl-NL" sz="1600" b="1" dirty="0" smtClean="0"/>
              <a:t>Uiteindelijke </a:t>
            </a:r>
            <a:r>
              <a:rPr lang="nl-NL" sz="1600" b="1" dirty="0"/>
              <a:t>doel is de zorg toegankelijker maken voor de laaggeletterde oncologische patiënt. </a:t>
            </a:r>
          </a:p>
          <a:p>
            <a:endParaRPr lang="nl-NL" dirty="0" smtClean="0"/>
          </a:p>
        </p:txBody>
      </p:sp>
      <p:sp>
        <p:nvSpPr>
          <p:cNvPr id="5" name="Date Placeholder 4"/>
          <p:cNvSpPr>
            <a:spLocks noGrp="1"/>
          </p:cNvSpPr>
          <p:nvPr>
            <p:ph type="dt" sz="half" idx="10"/>
          </p:nvPr>
        </p:nvSpPr>
        <p:spPr/>
        <p:txBody>
          <a:bodyPr/>
          <a:lstStyle/>
          <a:p>
            <a:fld id="{8DBF8827-6856-4A09-A018-24359788D71A}" type="datetime1">
              <a:rPr lang="en-GB" smtClean="0"/>
              <a:t>23/05/2022</a:t>
            </a:fld>
            <a:endParaRPr lang="en-GB"/>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83D1311D-0AF4-BF42-8BF9-EAD1FE65203C}" type="slidenum">
              <a:rPr lang="en-GB" smtClean="0"/>
              <a:pPr/>
              <a:t>7</a:t>
            </a:fld>
            <a:endParaRPr lang="en-GB"/>
          </a:p>
        </p:txBody>
      </p:sp>
    </p:spTree>
    <p:extLst>
      <p:ext uri="{BB962C8B-B14F-4D97-AF65-F5344CB8AC3E}">
        <p14:creationId xmlns:p14="http://schemas.microsoft.com/office/powerpoint/2010/main" val="424908562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p:cNvSpPr>
            <a:spLocks noGrp="1"/>
          </p:cNvSpPr>
          <p:nvPr>
            <p:ph type="title"/>
          </p:nvPr>
        </p:nvSpPr>
        <p:spPr/>
        <p:txBody>
          <a:bodyPr/>
          <a:lstStyle/>
          <a:p>
            <a:r>
              <a:rPr lang="en-US" dirty="0" err="1" smtClean="0"/>
              <a:t>Opzet</a:t>
            </a:r>
            <a:r>
              <a:rPr lang="en-US" dirty="0" smtClean="0"/>
              <a:t> en </a:t>
            </a:r>
            <a:r>
              <a:rPr lang="en-US" dirty="0" err="1" smtClean="0"/>
              <a:t>doel</a:t>
            </a:r>
            <a:endParaRPr lang="nl-NL" dirty="0"/>
          </a:p>
        </p:txBody>
      </p:sp>
      <p:sp>
        <p:nvSpPr>
          <p:cNvPr id="5" name="Tijdelijke aanduiding voor datum 4"/>
          <p:cNvSpPr>
            <a:spLocks noGrp="1"/>
          </p:cNvSpPr>
          <p:nvPr>
            <p:ph type="dt" sz="half" idx="4294967295"/>
          </p:nvPr>
        </p:nvSpPr>
        <p:spPr>
          <a:xfrm>
            <a:off x="0" y="6483350"/>
            <a:ext cx="831850" cy="200025"/>
          </a:xfrm>
        </p:spPr>
        <p:txBody>
          <a:bodyPr/>
          <a:lstStyle/>
          <a:p>
            <a:fld id="{8DBF8827-6856-4A09-A018-24359788D71A}" type="datetime1">
              <a:rPr lang="en-GB" smtClean="0"/>
              <a:t>23/05/2022</a:t>
            </a:fld>
            <a:endParaRPr lang="en-GB"/>
          </a:p>
        </p:txBody>
      </p:sp>
      <p:sp>
        <p:nvSpPr>
          <p:cNvPr id="7" name="Tijdelijke aanduiding voor dianummer 6"/>
          <p:cNvSpPr>
            <a:spLocks noGrp="1"/>
          </p:cNvSpPr>
          <p:nvPr>
            <p:ph type="sldNum" sz="quarter" idx="4294967295"/>
          </p:nvPr>
        </p:nvSpPr>
        <p:spPr>
          <a:xfrm>
            <a:off x="11706225" y="6483350"/>
            <a:ext cx="485775" cy="200025"/>
          </a:xfrm>
        </p:spPr>
        <p:txBody>
          <a:bodyPr/>
          <a:lstStyle/>
          <a:p>
            <a:fld id="{83D1311D-0AF4-BF42-8BF9-EAD1FE65203C}" type="slidenum">
              <a:rPr lang="en-GB" smtClean="0"/>
              <a:pPr/>
              <a:t>8</a:t>
            </a:fld>
            <a:endParaRPr lang="en-GB"/>
          </a:p>
        </p:txBody>
      </p:sp>
      <p:graphicFrame>
        <p:nvGraphicFramePr>
          <p:cNvPr id="11" name="Tijdelijke aanduiding voor inhoud 10"/>
          <p:cNvGraphicFramePr>
            <a:graphicFrameLocks noGrp="1"/>
          </p:cNvGraphicFramePr>
          <p:nvPr>
            <p:ph idx="1"/>
            <p:extLst>
              <p:ext uri="{D42A27DB-BD31-4B8C-83A1-F6EECF244321}">
                <p14:modId xmlns:p14="http://schemas.microsoft.com/office/powerpoint/2010/main" val="947874184"/>
              </p:ext>
            </p:extLst>
          </p:nvPr>
        </p:nvGraphicFramePr>
        <p:xfrm>
          <a:off x="6245524" y="503492"/>
          <a:ext cx="4983700" cy="2573847"/>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12" name="Grafiek 11"/>
          <p:cNvGraphicFramePr>
            <a:graphicFrameLocks/>
          </p:cNvGraphicFramePr>
          <p:nvPr>
            <p:extLst>
              <p:ext uri="{D42A27DB-BD31-4B8C-83A1-F6EECF244321}">
                <p14:modId xmlns:p14="http://schemas.microsoft.com/office/powerpoint/2010/main" val="4147960820"/>
              </p:ext>
            </p:extLst>
          </p:nvPr>
        </p:nvGraphicFramePr>
        <p:xfrm>
          <a:off x="6451374" y="3377241"/>
          <a:ext cx="4572000" cy="2743200"/>
        </p:xfrm>
        <a:graphic>
          <a:graphicData uri="http://schemas.openxmlformats.org/drawingml/2006/chart">
            <c:chart xmlns:c="http://schemas.openxmlformats.org/drawingml/2006/chart" xmlns:r="http://schemas.openxmlformats.org/officeDocument/2006/relationships" r:id="rId3"/>
          </a:graphicData>
        </a:graphic>
      </p:graphicFrame>
      <p:sp>
        <p:nvSpPr>
          <p:cNvPr id="13" name="Tekstvak 12"/>
          <p:cNvSpPr txBox="1"/>
          <p:nvPr/>
        </p:nvSpPr>
        <p:spPr>
          <a:xfrm>
            <a:off x="569343" y="1701853"/>
            <a:ext cx="5296618" cy="3754874"/>
          </a:xfrm>
          <a:prstGeom prst="rect">
            <a:avLst/>
          </a:prstGeom>
          <a:noFill/>
        </p:spPr>
        <p:txBody>
          <a:bodyPr wrap="square" rtlCol="0">
            <a:spAutoFit/>
          </a:bodyPr>
          <a:lstStyle/>
          <a:p>
            <a:r>
              <a:rPr lang="nl-NL" sz="1400" dirty="0">
                <a:solidFill>
                  <a:srgbClr val="0C2074"/>
                </a:solidFill>
              </a:rPr>
              <a:t>Het onderzoek was er op gericht om te achterhalen of de verpleegkundigen de laaggeletterde patiënt herkent en deze kan begeleiden en ondersteunen.</a:t>
            </a:r>
          </a:p>
          <a:p>
            <a:r>
              <a:rPr lang="nl-NL" sz="1400" dirty="0">
                <a:solidFill>
                  <a:srgbClr val="0C2074"/>
                </a:solidFill>
              </a:rPr>
              <a:t>Het 1</a:t>
            </a:r>
            <a:r>
              <a:rPr lang="nl-NL" sz="1400" baseline="30000" dirty="0">
                <a:solidFill>
                  <a:srgbClr val="0C2074"/>
                </a:solidFill>
              </a:rPr>
              <a:t>e</a:t>
            </a:r>
            <a:r>
              <a:rPr lang="nl-NL" sz="1400" dirty="0">
                <a:solidFill>
                  <a:srgbClr val="0C2074"/>
                </a:solidFill>
              </a:rPr>
              <a:t> onderzoek (0-meting) bestond uit:</a:t>
            </a:r>
          </a:p>
          <a:p>
            <a:pPr marL="285750" indent="-285750">
              <a:buFont typeface="Arial" panose="020B0604020202020204" pitchFamily="34" charset="0"/>
              <a:buChar char="•"/>
            </a:pPr>
            <a:r>
              <a:rPr lang="nl-NL" sz="1400" dirty="0">
                <a:solidFill>
                  <a:srgbClr val="0C2074"/>
                </a:solidFill>
              </a:rPr>
              <a:t>een vragenlijst; </a:t>
            </a:r>
          </a:p>
          <a:p>
            <a:pPr marL="285750" indent="-285750">
              <a:buFont typeface="Arial" panose="020B0604020202020204" pitchFamily="34" charset="0"/>
              <a:buChar char="•"/>
            </a:pPr>
            <a:r>
              <a:rPr lang="nl-NL" sz="1400" dirty="0">
                <a:solidFill>
                  <a:srgbClr val="0C2074"/>
                </a:solidFill>
              </a:rPr>
              <a:t>een observatieonderzoek; </a:t>
            </a:r>
          </a:p>
          <a:p>
            <a:pPr marL="285750" indent="-285750">
              <a:buFont typeface="Arial" panose="020B0604020202020204" pitchFamily="34" charset="0"/>
              <a:buChar char="•"/>
            </a:pPr>
            <a:r>
              <a:rPr lang="nl-NL" sz="1400" dirty="0">
                <a:solidFill>
                  <a:srgbClr val="0C2074"/>
                </a:solidFill>
              </a:rPr>
              <a:t>een meting op het telefonisch verpleegkundig spreekuur. </a:t>
            </a:r>
          </a:p>
          <a:p>
            <a:endParaRPr lang="nl-NL" sz="1400" dirty="0">
              <a:solidFill>
                <a:srgbClr val="0C2074"/>
              </a:solidFill>
            </a:endParaRPr>
          </a:p>
          <a:p>
            <a:r>
              <a:rPr lang="nl-NL" sz="1400" dirty="0">
                <a:solidFill>
                  <a:srgbClr val="0C2074"/>
                </a:solidFill>
              </a:rPr>
              <a:t>We willen meten of de interventies die we willen inzetten op de voorlichting van invloed zijn op het telefonische spreekuur.   </a:t>
            </a:r>
          </a:p>
          <a:p>
            <a:r>
              <a:rPr lang="nl-NL" sz="1400" dirty="0">
                <a:solidFill>
                  <a:srgbClr val="0C2074"/>
                </a:solidFill>
              </a:rPr>
              <a:t>Aantal respondenten is 21(N=21) waarvan 15 verpleegkundigen van de dagbehandeling interne oncologie/hematologie en 6 verpleegkundig specialisten binnen de ambulante zorg thema Daniel. </a:t>
            </a:r>
          </a:p>
          <a:p>
            <a:endParaRPr lang="nl-NL" sz="1400" dirty="0">
              <a:solidFill>
                <a:srgbClr val="0C2074"/>
              </a:solidFill>
            </a:endParaRPr>
          </a:p>
          <a:p>
            <a:r>
              <a:rPr lang="nl-NL" sz="1400" b="1" dirty="0">
                <a:solidFill>
                  <a:srgbClr val="0C2074"/>
                </a:solidFill>
              </a:rPr>
              <a:t>Uiteindelijke doel is de zorg toegankelijker maken voor de laaggeletterde oncologische patiënt. </a:t>
            </a:r>
          </a:p>
          <a:p>
            <a:pPr algn="l"/>
            <a:endParaRPr lang="nl-NL" sz="1400" b="1" i="0" dirty="0" err="1" smtClean="0">
              <a:solidFill>
                <a:srgbClr val="0C2074"/>
              </a:solidFill>
              <a:ea typeface="Arial" charset="0"/>
              <a:cs typeface="Arial" charset="0"/>
            </a:endParaRPr>
          </a:p>
        </p:txBody>
      </p:sp>
      <p:sp>
        <p:nvSpPr>
          <p:cNvPr id="14" name="Rechthoek 13"/>
          <p:cNvSpPr/>
          <p:nvPr/>
        </p:nvSpPr>
        <p:spPr>
          <a:xfrm>
            <a:off x="8229600" y="3985404"/>
            <a:ext cx="1138687" cy="2251494"/>
          </a:xfrm>
          <a:prstGeom prst="rect">
            <a:avLst/>
          </a:prstGeom>
          <a:noFill/>
          <a:ln w="2857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15" name="Tekstvak 14"/>
          <p:cNvSpPr txBox="1"/>
          <p:nvPr/>
        </p:nvSpPr>
        <p:spPr>
          <a:xfrm>
            <a:off x="8574657" y="6236898"/>
            <a:ext cx="577970" cy="338554"/>
          </a:xfrm>
          <a:prstGeom prst="rect">
            <a:avLst/>
          </a:prstGeom>
          <a:noFill/>
        </p:spPr>
        <p:txBody>
          <a:bodyPr wrap="square" rtlCol="0">
            <a:spAutoFit/>
          </a:bodyPr>
          <a:lstStyle/>
          <a:p>
            <a:pPr algn="l"/>
            <a:r>
              <a:rPr lang="en-US" sz="1600" b="1" i="0" dirty="0" smtClean="0">
                <a:solidFill>
                  <a:srgbClr val="FF0000"/>
                </a:solidFill>
                <a:ea typeface="Arial" charset="0"/>
                <a:cs typeface="Arial" charset="0"/>
              </a:rPr>
              <a:t>47%</a:t>
            </a:r>
            <a:endParaRPr lang="nl-NL" sz="1600" b="1" i="0" dirty="0" err="1" smtClean="0">
              <a:solidFill>
                <a:srgbClr val="FF0000"/>
              </a:solidFill>
              <a:ea typeface="Arial" charset="0"/>
              <a:cs typeface="Arial" charset="0"/>
            </a:endParaRPr>
          </a:p>
        </p:txBody>
      </p:sp>
    </p:spTree>
    <p:extLst>
      <p:ext uri="{BB962C8B-B14F-4D97-AF65-F5344CB8AC3E}">
        <p14:creationId xmlns:p14="http://schemas.microsoft.com/office/powerpoint/2010/main" val="93564094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Ondertitel 8"/>
          <p:cNvSpPr>
            <a:spLocks noGrp="1"/>
          </p:cNvSpPr>
          <p:nvPr>
            <p:ph type="subTitle" idx="13"/>
          </p:nvPr>
        </p:nvSpPr>
        <p:spPr/>
        <p:txBody>
          <a:bodyPr/>
          <a:lstStyle/>
          <a:p>
            <a:r>
              <a:rPr lang="en-US" dirty="0" smtClean="0"/>
              <a:t>N=21</a:t>
            </a:r>
            <a:endParaRPr lang="nl-NL" dirty="0"/>
          </a:p>
        </p:txBody>
      </p:sp>
      <p:sp>
        <p:nvSpPr>
          <p:cNvPr id="2" name="Titel 1"/>
          <p:cNvSpPr>
            <a:spLocks noGrp="1"/>
          </p:cNvSpPr>
          <p:nvPr>
            <p:ph type="title"/>
          </p:nvPr>
        </p:nvSpPr>
        <p:spPr/>
        <p:txBody>
          <a:bodyPr/>
          <a:lstStyle/>
          <a:p>
            <a:r>
              <a:rPr lang="en-US" dirty="0" err="1" smtClean="0"/>
              <a:t>Resultaten</a:t>
            </a:r>
            <a:r>
              <a:rPr lang="en-US" dirty="0" smtClean="0"/>
              <a:t> </a:t>
            </a:r>
            <a:r>
              <a:rPr lang="en-US" dirty="0" err="1" smtClean="0"/>
              <a:t>nulmeting</a:t>
            </a:r>
            <a:endParaRPr lang="nl-NL" dirty="0"/>
          </a:p>
        </p:txBody>
      </p:sp>
      <p:sp>
        <p:nvSpPr>
          <p:cNvPr id="3" name="Date Placeholder 2"/>
          <p:cNvSpPr>
            <a:spLocks noGrp="1"/>
          </p:cNvSpPr>
          <p:nvPr>
            <p:ph type="dt" sz="half" idx="4294967295"/>
          </p:nvPr>
        </p:nvSpPr>
        <p:spPr>
          <a:xfrm>
            <a:off x="0" y="7165975"/>
            <a:ext cx="831850" cy="200025"/>
          </a:xfrm>
        </p:spPr>
        <p:txBody>
          <a:bodyPr/>
          <a:lstStyle/>
          <a:p>
            <a:fld id="{5DA6945E-81CA-4BD3-A6D1-5E443B4DE943}" type="datetime1">
              <a:rPr lang="en-GB" smtClean="0"/>
              <a:t>23/05/2022</a:t>
            </a:fld>
            <a:endParaRPr lang="en-GB"/>
          </a:p>
        </p:txBody>
      </p:sp>
      <p:sp>
        <p:nvSpPr>
          <p:cNvPr id="5" name="Slide Number Placeholder 4"/>
          <p:cNvSpPr>
            <a:spLocks noGrp="1"/>
          </p:cNvSpPr>
          <p:nvPr>
            <p:ph type="sldNum" sz="quarter" idx="4294967295"/>
          </p:nvPr>
        </p:nvSpPr>
        <p:spPr>
          <a:xfrm>
            <a:off x="11706225" y="7165975"/>
            <a:ext cx="485775" cy="200025"/>
          </a:xfrm>
        </p:spPr>
        <p:txBody>
          <a:bodyPr/>
          <a:lstStyle/>
          <a:p>
            <a:fld id="{83D1311D-0AF4-BF42-8BF9-EAD1FE65203C}" type="slidenum">
              <a:rPr lang="en-GB" smtClean="0"/>
              <a:pPr/>
              <a:t>9</a:t>
            </a:fld>
            <a:endParaRPr lang="en-GB"/>
          </a:p>
        </p:txBody>
      </p:sp>
      <p:graphicFrame>
        <p:nvGraphicFramePr>
          <p:cNvPr id="7" name="Picture Placeholder 6"/>
          <p:cNvGraphicFramePr>
            <a:graphicFrameLocks noGrp="1"/>
          </p:cNvGraphicFramePr>
          <p:nvPr>
            <p:ph type="pic" sz="quarter" idx="4294967295"/>
            <p:extLst>
              <p:ext uri="{D42A27DB-BD31-4B8C-83A1-F6EECF244321}">
                <p14:modId xmlns:p14="http://schemas.microsoft.com/office/powerpoint/2010/main" val="1202367656"/>
              </p:ext>
            </p:extLst>
          </p:nvPr>
        </p:nvGraphicFramePr>
        <p:xfrm>
          <a:off x="0" y="1682750"/>
          <a:ext cx="9455150" cy="4864100"/>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4118961713"/>
      </p:ext>
    </p:extLst>
  </p:cSld>
  <p:clrMapOvr>
    <a:masterClrMapping/>
  </p:clrMapOvr>
  <mc:AlternateContent xmlns:mc="http://schemas.openxmlformats.org/markup-compatibility/2006">
    <mc:Choice xmlns:p14="http://schemas.microsoft.com/office/powerpoint/2010/main" Requires="p14">
      <p:transition spd="slow" p14:dur="2000"/>
    </mc:Choice>
    <mc:Fallback>
      <p:transition spd="slow"/>
    </mc:Fallback>
  </mc:AlternateContent>
</p:sld>
</file>

<file path=ppt/theme/theme1.xml><?xml version="1.0" encoding="utf-8"?>
<a:theme xmlns:a="http://schemas.openxmlformats.org/drawingml/2006/main" name="Erasmus MC">
  <a:themeElements>
    <a:clrScheme name="Erasmus MC">
      <a:dk1>
        <a:srgbClr val="000000"/>
      </a:dk1>
      <a:lt1>
        <a:srgbClr val="FFFFFF"/>
      </a:lt1>
      <a:dk2>
        <a:srgbClr val="0C2074"/>
      </a:dk2>
      <a:lt2>
        <a:srgbClr val="E7E6E6"/>
      </a:lt2>
      <a:accent1>
        <a:srgbClr val="0C2074"/>
      </a:accent1>
      <a:accent2>
        <a:srgbClr val="6D79AC"/>
      </a:accent2>
      <a:accent3>
        <a:srgbClr val="CED2E3"/>
      </a:accent3>
      <a:accent4>
        <a:srgbClr val="86D2ED"/>
      </a:accent4>
      <a:accent5>
        <a:srgbClr val="B6E4F4"/>
      </a:accent5>
      <a:accent6>
        <a:srgbClr val="E7F6FB"/>
      </a:accent6>
      <a:hlink>
        <a:srgbClr val="86D2EE"/>
      </a:hlink>
      <a:folHlink>
        <a:srgbClr val="B6E4F4"/>
      </a:folHlink>
    </a:clrScheme>
    <a:fontScheme name="Erasmus M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2400" b="1" i="0" dirty="0" err="1" smtClean="0">
            <a:solidFill>
              <a:schemeClr val="accent4"/>
            </a:solidFill>
            <a:ea typeface="Arial" charset="0"/>
            <a:cs typeface="Arial" charset="0"/>
          </a:defRPr>
        </a:defPPr>
      </a:lstStyle>
    </a:txDef>
  </a:objectDefaults>
  <a:extraClrSchemeLst/>
  <a:extLst>
    <a:ext uri="{05A4C25C-085E-4340-85A3-A5531E510DB2}">
      <thm15:themeFamily xmlns:thm15="http://schemas.microsoft.com/office/thememl/2012/main" name="ERA190317_Erasmus MC Bedrijfspresentatie 15nov" id="{2DD2DD8F-3AE1-074E-836C-1DE8AE280910}" vid="{94CA0FB4-C30D-A947-829B-7D66DD7D08D9}"/>
    </a:ext>
  </a:extLst>
</a:theme>
</file>

<file path=ppt/theme/theme2.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SlideTemplateConfiguration><![CDATA[{"slideVersion":1,"isValidatorEnabled":false,"isLocked":false,"elementsMetadata":[],"slideId":"637723281537367567","enableDocumentContentUpdater":false,"version":"2.0"}]]></TemplafySlideTemplate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7b007533-f71a-4eab-98fb-5bcf441792ce">
      <Terms xmlns="http://schemas.microsoft.com/office/infopath/2007/PartnerControls"/>
    </lcf76f155ced4ddcb4097134ff3c332f>
    <TaxCatchAll xmlns="3a65966a-6c18-4f65-af41-c48461925448" xsi:nil="true"/>
    <g1857ba0c95140b98713d0ebe3f3ad70 xmlns="3a65966a-6c18-4f65-af41-c48461925448">
      <Terms xmlns="http://schemas.microsoft.com/office/infopath/2007/PartnerControls"/>
    </g1857ba0c95140b98713d0ebe3f3ad70>
    <obc8916d9978491296677381ff74af07 xmlns="3a65966a-6c18-4f65-af41-c48461925448">
      <Terms xmlns="http://schemas.microsoft.com/office/infopath/2007/PartnerControls"/>
    </obc8916d9978491296677381ff74af07>
    <j153eb82ecd84a4e8df96ced445220fc xmlns="3a65966a-6c18-4f65-af41-c48461925448">
      <Terms xmlns="http://schemas.microsoft.com/office/infopath/2007/PartnerControls"/>
    </j153eb82ecd84a4e8df96ced445220fc>
    <e5aa36e4c8664e929c8f7e73f2a101bf xmlns="3a65966a-6c18-4f65-af41-c48461925448">
      <Terms xmlns="http://schemas.microsoft.com/office/infopath/2007/PartnerControls"/>
    </e5aa36e4c8664e929c8f7e73f2a101bf>
    <b2e7779ed41f47deb74c3bc0dc1493d1 xmlns="3a65966a-6c18-4f65-af41-c48461925448">
      <Terms xmlns="http://schemas.microsoft.com/office/infopath/2007/PartnerControls"/>
    </b2e7779ed41f47deb74c3bc0dc1493d1>
    <m877ea239cff4cf0842d62b6dc24f83e xmlns="3a65966a-6c18-4f65-af41-c48461925448">
      <Terms xmlns="http://schemas.microsoft.com/office/infopath/2007/PartnerControls">
        <TermInfo xmlns="http://schemas.microsoft.com/office/infopath/2007/PartnerControls">
          <TermName xmlns="http://schemas.microsoft.com/office/infopath/2007/PartnerControls">2019</TermName>
          <TermId xmlns="http://schemas.microsoft.com/office/infopath/2007/PartnerControls">b9876801-576c-4dbc-b3d4-4e7b82e3b22a</TermId>
        </TermInfo>
      </Terms>
    </m877ea239cff4cf0842d62b6dc24f83e>
    <jd319f32dc2a434ea72b193802a4b3c8 xmlns="3a65966a-6c18-4f65-af41-c48461925448">
      <Terms xmlns="http://schemas.microsoft.com/office/infopath/2007/PartnerControls"/>
    </jd319f32dc2a434ea72b193802a4b3c8>
  </documentManagement>
</p:properties>
</file>

<file path=customXml/item3.xml><?xml version="1.0" encoding="utf-8"?>
<TemplafyTemplateConfiguration><![CDATA[{"elementsMetadata":[],"transformationConfigurations":[],"templateName":"blank","templateDescription":"","enableDocumentContentUpdater":false,"version":"2.0"}]]></Templafy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FormConfiguration><![CDATA[{"formFields":[],"formDataEntries":[]}]]></TemplafySlideFormConfiguration>
</file>

<file path=customXml/item6.xml><?xml version="1.0" encoding="utf-8"?>
<TemplafyFormConfiguration><![CDATA[{"formFields":[],"formDataEntries":[]}]]></TemplafyForm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9593EA8E72FC2E49B249A6242D5E4F75" ma:contentTypeVersion="18" ma:contentTypeDescription="Een nieuw document maken." ma:contentTypeScope="" ma:versionID="b98ca6eecff8fa21e59aa5cb18b2869d">
  <xsd:schema xmlns:xsd="http://www.w3.org/2001/XMLSchema" xmlns:xs="http://www.w3.org/2001/XMLSchema" xmlns:p="http://schemas.microsoft.com/office/2006/metadata/properties" xmlns:ns2="3a65966a-6c18-4f65-af41-c48461925448" xmlns:ns3="7b007533-f71a-4eab-98fb-5bcf441792ce" targetNamespace="http://schemas.microsoft.com/office/2006/metadata/properties" ma:root="true" ma:fieldsID="aeb162eedf1d527019f2cdaeec3e4700" ns2:_="" ns3:_="">
    <xsd:import namespace="3a65966a-6c18-4f65-af41-c48461925448"/>
    <xsd:import namespace="7b007533-f71a-4eab-98fb-5bcf441792ce"/>
    <xsd:element name="properties">
      <xsd:complexType>
        <xsd:sequence>
          <xsd:element name="documentManagement">
            <xsd:complexType>
              <xsd:all>
                <xsd:element ref="ns2:j153eb82ecd84a4e8df96ced445220fc" minOccurs="0"/>
                <xsd:element ref="ns2:TaxCatchAll" minOccurs="0"/>
                <xsd:element ref="ns2:TaxCatchAllLabel" minOccurs="0"/>
                <xsd:element ref="ns2:m877ea239cff4cf0842d62b6dc24f83e" minOccurs="0"/>
                <xsd:element ref="ns2:obc8916d9978491296677381ff74af07" minOccurs="0"/>
                <xsd:element ref="ns2:b2e7779ed41f47deb74c3bc0dc1493d1" minOccurs="0"/>
                <xsd:element ref="ns2:jd319f32dc2a434ea72b193802a4b3c8" minOccurs="0"/>
                <xsd:element ref="ns2:e5aa36e4c8664e929c8f7e73f2a101bf" minOccurs="0"/>
                <xsd:element ref="ns2:g1857ba0c95140b98713d0ebe3f3ad70" minOccurs="0"/>
                <xsd:element ref="ns3:MediaServiceDateTaken" minOccurs="0"/>
                <xsd:element ref="ns3:MediaServiceGenerationTime" minOccurs="0"/>
                <xsd:element ref="ns3:MediaServiceEventHashCode" minOccurs="0"/>
                <xsd:element ref="ns3:MediaServiceOCR" minOccurs="0"/>
                <xsd:element ref="ns3:MediaServiceAutoKeyPoints" minOccurs="0"/>
                <xsd:element ref="ns3:MediaServiceKeyPoints" minOccurs="0"/>
                <xsd:element ref="ns3:MediaLengthInSeconds" minOccurs="0"/>
                <xsd:element ref="ns3: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a65966a-6c18-4f65-af41-c48461925448" elementFormDefault="qualified">
    <xsd:import namespace="http://schemas.microsoft.com/office/2006/documentManagement/types"/>
    <xsd:import namespace="http://schemas.microsoft.com/office/infopath/2007/PartnerControls"/>
    <xsd:element name="j153eb82ecd84a4e8df96ced445220fc" ma:index="8" nillable="true" ma:taxonomy="true" ma:internalName="j153eb82ecd84a4e8df96ced445220fc" ma:taxonomyFieldName="Documentsoort" ma:displayName="Documentsoort" ma:fieldId="{3153eb82-ecd8-4a4e-8df9-6ced445220fc}" ma:sspId="853940b5-3134-4203-af87-55f89102078d" ma:termSetId="bbf55d33-d213-4fd7-979f-2626e84c634d" ma:anchorId="00000000-0000-0000-0000-000000000000" ma:open="false" ma:isKeyword="false">
      <xsd:complexType>
        <xsd:sequence>
          <xsd:element ref="pc:Terms" minOccurs="0" maxOccurs="1"/>
        </xsd:sequence>
      </xsd:complexType>
    </xsd:element>
    <xsd:element name="TaxCatchAll" ma:index="9" nillable="true" ma:displayName="Taxonomy Catch All Column" ma:hidden="true" ma:list="{4a951031-fd11-47ae-9816-01f714b19b87}" ma:internalName="TaxCatchAll" ma:showField="CatchAllData" ma:web="70f16b0d-5832-4cbb-a069-19b0139b084d">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4a951031-fd11-47ae-9816-01f714b19b87}" ma:internalName="TaxCatchAllLabel" ma:readOnly="true" ma:showField="CatchAllDataLabel" ma:web="70f16b0d-5832-4cbb-a069-19b0139b084d">
      <xsd:complexType>
        <xsd:complexContent>
          <xsd:extension base="dms:MultiChoiceLookup">
            <xsd:sequence>
              <xsd:element name="Value" type="dms:Lookup" maxOccurs="unbounded" minOccurs="0" nillable="true"/>
            </xsd:sequence>
          </xsd:extension>
        </xsd:complexContent>
      </xsd:complexType>
    </xsd:element>
    <xsd:element name="m877ea239cff4cf0842d62b6dc24f83e" ma:index="12" nillable="true" ma:taxonomy="true" ma:internalName="m877ea239cff4cf0842d62b6dc24f83e" ma:taxonomyFieldName="Jaartal" ma:displayName="Jaartal" ma:default="9;#2019|b9876801-576c-4dbc-b3d4-4e7b82e3b22a" ma:fieldId="{6877ea23-9cff-4cf0-842d-62b6dc24f83e}" ma:sspId="853940b5-3134-4203-af87-55f89102078d" ma:termSetId="a33e54ca-30b4-4dd3-8352-a099d6fb0132" ma:anchorId="00000000-0000-0000-0000-000000000000" ma:open="false" ma:isKeyword="false">
      <xsd:complexType>
        <xsd:sequence>
          <xsd:element ref="pc:Terms" minOccurs="0" maxOccurs="1"/>
        </xsd:sequence>
      </xsd:complexType>
    </xsd:element>
    <xsd:element name="obc8916d9978491296677381ff74af07" ma:index="14" nillable="true" ma:taxonomy="true" ma:internalName="obc8916d9978491296677381ff74af07" ma:taxonomyFieldName="Vertrouwelijkheid" ma:displayName="Vertrouwelijkheid" ma:default="" ma:fieldId="{8bc8916d-9978-4912-9667-7381ff74af07}" ma:sspId="853940b5-3134-4203-af87-55f89102078d" ma:termSetId="c1cad781-c9cd-4071-aee5-bee9eea15b3d" ma:anchorId="54678dd6-cbc7-4c58-b66f-7e4a4ee7b6dc" ma:open="false" ma:isKeyword="false">
      <xsd:complexType>
        <xsd:sequence>
          <xsd:element ref="pc:Terms" minOccurs="0" maxOccurs="1"/>
        </xsd:sequence>
      </xsd:complexType>
    </xsd:element>
    <xsd:element name="b2e7779ed41f47deb74c3bc0dc1493d1" ma:index="16" nillable="true" ma:taxonomy="true" ma:internalName="b2e7779ed41f47deb74c3bc0dc1493d1" ma:taxonomyFieldName="Projectnaam" ma:displayName="Projectnaam" ma:default="" ma:fieldId="{b2e7779e-d41f-47de-b74c-3bc0dc1493d1}" ma:sspId="853940b5-3134-4203-af87-55f89102078d" ma:termSetId="b39c125f-17c6-4d65-acfb-7a7f66086f61" ma:anchorId="c1da9932-92ba-4173-aad1-7637c06e86a4" ma:open="false" ma:isKeyword="false">
      <xsd:complexType>
        <xsd:sequence>
          <xsd:element ref="pc:Terms" minOccurs="0" maxOccurs="1"/>
        </xsd:sequence>
      </xsd:complexType>
    </xsd:element>
    <xsd:element name="jd319f32dc2a434ea72b193802a4b3c8" ma:index="18" nillable="true" ma:taxonomy="true" ma:internalName="jd319f32dc2a434ea72b193802a4b3c8" ma:taxonomyFieldName="Thema" ma:displayName="Thema" ma:default="" ma:fieldId="{3d319f32-dc2a-434e-a72b-193802a4b3c8}" ma:sspId="853940b5-3134-4203-af87-55f89102078d" ma:termSetId="4e340cba-8d18-410d-b1b6-ffb3ee6ae4c5" ma:anchorId="00000000-0000-0000-0000-000000000000" ma:open="false" ma:isKeyword="false">
      <xsd:complexType>
        <xsd:sequence>
          <xsd:element ref="pc:Terms" minOccurs="0" maxOccurs="1"/>
        </xsd:sequence>
      </xsd:complexType>
    </xsd:element>
    <xsd:element name="e5aa36e4c8664e929c8f7e73f2a101bf" ma:index="20" nillable="true" ma:taxonomy="true" ma:internalName="e5aa36e4c8664e929c8f7e73f2a101bf" ma:taxonomyFieldName="Lid_x002d_instelling" ma:displayName="Lid-instelling" ma:default="" ma:fieldId="{e5aa36e4-c866-4e92-9c8f-7e73f2a101bf}" ma:sspId="853940b5-3134-4203-af87-55f89102078d" ma:termSetId="0d84ddc6-32d1-4179-92ed-f26453271165" ma:anchorId="27779df9-4914-4dce-a7d1-6daf634d0acf" ma:open="false" ma:isKeyword="false">
      <xsd:complexType>
        <xsd:sequence>
          <xsd:element ref="pc:Terms" minOccurs="0" maxOccurs="1"/>
        </xsd:sequence>
      </xsd:complexType>
    </xsd:element>
    <xsd:element name="g1857ba0c95140b98713d0ebe3f3ad70" ma:index="22" nillable="true" ma:taxonomy="true" ma:internalName="g1857ba0c95140b98713d0ebe3f3ad70" ma:taxonomyFieldName="Stakeholder" ma:displayName="Stakeholder" ma:default="" ma:fieldId="{01857ba0-c951-40b9-8713-d0ebe3f3ad70}" ma:taxonomyMulti="true" ma:sspId="853940b5-3134-4203-af87-55f89102078d" ma:termSetId="6597295e-5bf9-42fc-87bd-2f04ffdee7b7"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7b007533-f71a-4eab-98fb-5bcf441792ce" elementFormDefault="qualified">
    <xsd:import namespace="http://schemas.microsoft.com/office/2006/documentManagement/types"/>
    <xsd:import namespace="http://schemas.microsoft.com/office/infopath/2007/PartnerControls"/>
    <xsd:element name="MediaServiceDateTaken" ma:index="24" nillable="true" ma:displayName="MediaServiceDateTaken" ma:hidden="true" ma:internalName="MediaServiceDateTaken" ma:readOnly="true">
      <xsd:simpleType>
        <xsd:restriction base="dms:Text"/>
      </xsd:simpleType>
    </xsd:element>
    <xsd:element name="MediaServiceGenerationTime" ma:index="25" nillable="true" ma:displayName="MediaServiceGenerationTime" ma:hidden="true" ma:internalName="MediaServiceGenerationTime" ma:readOnly="true">
      <xsd:simpleType>
        <xsd:restriction base="dms:Text"/>
      </xsd:simpleType>
    </xsd:element>
    <xsd:element name="MediaServiceEventHashCode" ma:index="26" nillable="true" ma:displayName="MediaServiceEventHashCode" ma:hidden="true" ma:internalName="MediaServiceEventHashCode" ma:readOnly="true">
      <xsd:simpleType>
        <xsd:restriction base="dms:Text"/>
      </xsd:simpleType>
    </xsd:element>
    <xsd:element name="MediaServiceOCR" ma:index="27" nillable="true" ma:displayName="Extracted Text" ma:internalName="MediaServiceOCR" ma:readOnly="true">
      <xsd:simpleType>
        <xsd:restriction base="dms:Note">
          <xsd:maxLength value="255"/>
        </xsd:restriction>
      </xsd:simpleType>
    </xsd:element>
    <xsd:element name="MediaServiceAutoKeyPoints" ma:index="28" nillable="true" ma:displayName="MediaServiceAutoKeyPoints" ma:hidden="true" ma:internalName="MediaServiceAutoKeyPoints" ma:readOnly="true">
      <xsd:simpleType>
        <xsd:restriction base="dms:Note"/>
      </xsd:simpleType>
    </xsd:element>
    <xsd:element name="MediaServiceKeyPoints" ma:index="29" nillable="true" ma:displayName="KeyPoints" ma:internalName="MediaServiceKeyPoints" ma:readOnly="true">
      <xsd:simpleType>
        <xsd:restriction base="dms:Note">
          <xsd:maxLength value="255"/>
        </xsd:restriction>
      </xsd:simpleType>
    </xsd:element>
    <xsd:element name="MediaLengthInSeconds" ma:index="30" nillable="true" ma:displayName="MediaLengthInSeconds" ma:hidden="true" ma:internalName="MediaLengthInSeconds" ma:readOnly="true">
      <xsd:simpleType>
        <xsd:restriction base="dms:Unknown"/>
      </xsd:simpleType>
    </xsd:element>
    <xsd:element name="lcf76f155ced4ddcb4097134ff3c332f" ma:index="32" nillable="true" ma:taxonomy="true" ma:internalName="lcf76f155ced4ddcb4097134ff3c332f" ma:taxonomyFieldName="MediaServiceImageTags" ma:displayName="Afbeeldingtags" ma:readOnly="false" ma:fieldId="{5cf76f15-5ced-4ddc-b409-7134ff3c332f}" ma:taxonomyMulti="true" ma:sspId="853940b5-3134-4203-af87-55f89102078d" ma:termSetId="09814cd3-568e-fe90-9814-8d621ff8fb84" ma:anchorId="fba54fb3-c3e1-fe81-a776-ca4b69148c4d" ma:open="true" ma:isKeyword="false">
      <xsd:complexType>
        <xsd:sequence>
          <xsd:element ref="pc:Terms" minOccurs="0" maxOccurs="1"/>
        </xsd:sequence>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078659E2-B645-4641-9ECD-56FA48204F1B}">
  <ds:schemaRefs/>
</ds:datastoreItem>
</file>

<file path=customXml/itemProps2.xml><?xml version="1.0" encoding="utf-8"?>
<ds:datastoreItem xmlns:ds="http://schemas.openxmlformats.org/officeDocument/2006/customXml" ds:itemID="{CE7FB006-060E-420C-B955-CC58F092D3A8}">
  <ds:schemaRefs>
    <ds:schemaRef ds:uri="72af473a-3c94-4e5d-9cf1-683c686cf249"/>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62ecfb22-a222-4cfc-bec7-ca8c80accbc2"/>
    <ds:schemaRef ds:uri="http://www.w3.org/XML/1998/namespace"/>
    <ds:schemaRef ds:uri="http://purl.org/dc/dcmitype/"/>
  </ds:schemaRefs>
</ds:datastoreItem>
</file>

<file path=customXml/itemProps3.xml><?xml version="1.0" encoding="utf-8"?>
<ds:datastoreItem xmlns:ds="http://schemas.openxmlformats.org/officeDocument/2006/customXml" ds:itemID="{A70A3159-FD05-4484-841B-C1C38C19BF11}">
  <ds:schemaRefs/>
</ds:datastoreItem>
</file>

<file path=customXml/itemProps4.xml><?xml version="1.0" encoding="utf-8"?>
<ds:datastoreItem xmlns:ds="http://schemas.openxmlformats.org/officeDocument/2006/customXml" ds:itemID="{B3DD47DF-D318-48F0-9F72-2CC7BB8FCB4E}">
  <ds:schemaRefs>
    <ds:schemaRef ds:uri="http://schemas.microsoft.com/sharepoint/v3/contenttype/forms"/>
  </ds:schemaRefs>
</ds:datastoreItem>
</file>

<file path=customXml/itemProps5.xml><?xml version="1.0" encoding="utf-8"?>
<ds:datastoreItem xmlns:ds="http://schemas.openxmlformats.org/officeDocument/2006/customXml" ds:itemID="{C7EA233F-632D-4B66-859B-8AC973932728}">
  <ds:schemaRefs/>
</ds:datastoreItem>
</file>

<file path=customXml/itemProps6.xml><?xml version="1.0" encoding="utf-8"?>
<ds:datastoreItem xmlns:ds="http://schemas.openxmlformats.org/officeDocument/2006/customXml" ds:itemID="{BCB0DF27-E6BE-4EFC-B725-FE1A07D51F8F}">
  <ds:schemaRefs/>
</ds:datastoreItem>
</file>

<file path=customXml/itemProps7.xml><?xml version="1.0" encoding="utf-8"?>
<ds:datastoreItem xmlns:ds="http://schemas.openxmlformats.org/officeDocument/2006/customXml" ds:itemID="{96432F5B-8F7E-44A6-83C6-391C6F55E868}"/>
</file>

<file path=docProps/app.xml><?xml version="1.0" encoding="utf-8"?>
<Properties xmlns="http://schemas.openxmlformats.org/officeDocument/2006/extended-properties" xmlns:vt="http://schemas.openxmlformats.org/officeDocument/2006/docPropsVTypes">
  <Template>ERA190317_Erasmus MC Bedrijfspresentatie 14nov</Template>
  <TotalTime>978</TotalTime>
  <Words>2008</Words>
  <Application>Microsoft Office PowerPoint</Application>
  <PresentationFormat>Breedbeeld</PresentationFormat>
  <Paragraphs>305</Paragraphs>
  <Slides>19</Slides>
  <Notes>1</Notes>
  <HiddenSlides>0</HiddenSlides>
  <MMClips>0</MMClips>
  <ScaleCrop>false</ScaleCrop>
  <HeadingPairs>
    <vt:vector size="6" baseType="variant">
      <vt:variant>
        <vt:lpstr>Gebruikte lettertypen</vt:lpstr>
      </vt:variant>
      <vt:variant>
        <vt:i4>5</vt:i4>
      </vt:variant>
      <vt:variant>
        <vt:lpstr>Thema</vt:lpstr>
      </vt:variant>
      <vt:variant>
        <vt:i4>1</vt:i4>
      </vt:variant>
      <vt:variant>
        <vt:lpstr>Diatitels</vt:lpstr>
      </vt:variant>
      <vt:variant>
        <vt:i4>19</vt:i4>
      </vt:variant>
    </vt:vector>
  </HeadingPairs>
  <TitlesOfParts>
    <vt:vector size="25" baseType="lpstr">
      <vt:lpstr>Arial</vt:lpstr>
      <vt:lpstr>Arial Black</vt:lpstr>
      <vt:lpstr>Calibri</vt:lpstr>
      <vt:lpstr>Calibri Light</vt:lpstr>
      <vt:lpstr>Times New Roman</vt:lpstr>
      <vt:lpstr>Erasmus MC</vt:lpstr>
      <vt:lpstr>       Spreken we dezelfde taal?</vt:lpstr>
      <vt:lpstr>Komend uur</vt:lpstr>
      <vt:lpstr>Laaggeletterdheid binnen de zorg </vt:lpstr>
      <vt:lpstr>laaggeletterdheid</vt:lpstr>
      <vt:lpstr>Paar cijfers</vt:lpstr>
      <vt:lpstr>Herkennen van laaggeletterden</vt:lpstr>
      <vt:lpstr>Opzet en  Doel van onderzoek</vt:lpstr>
      <vt:lpstr>Opzet en doel</vt:lpstr>
      <vt:lpstr>Resultaten nulmeting</vt:lpstr>
      <vt:lpstr>Kenmerken die gerelateerd zijn aan  laaggeletterdheid</vt:lpstr>
      <vt:lpstr>Uitkomsten vragenlijst n=21</vt:lpstr>
      <vt:lpstr>Uitkomsten vragenlijst n=21</vt:lpstr>
      <vt:lpstr>uitkomsten observatieonderzoek</vt:lpstr>
      <vt:lpstr>Vervolg analyse</vt:lpstr>
      <vt:lpstr>Vervolg analyse</vt:lpstr>
      <vt:lpstr>taalambassadeurs</vt:lpstr>
      <vt:lpstr>Interventies implementeren, Hoe nu verder? </vt:lpstr>
      <vt:lpstr>Waar en wanneer gaan we de interventies implementeren?  </vt:lpstr>
      <vt:lpstr>PowerPoint-presentatie</vt:lpstr>
    </vt:vector>
  </TitlesOfParts>
  <Company>Erasmus MC</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esentatie</dc:title>
  <dc:creator>P. van Rikxoort</dc:creator>
  <cp:lastModifiedBy>Ciska Pruijssers - Breas</cp:lastModifiedBy>
  <cp:revision>78</cp:revision>
  <cp:lastPrinted>2022-05-18T16:02:26Z</cp:lastPrinted>
  <dcterms:created xsi:type="dcterms:W3CDTF">2022-05-11T13:04:23Z</dcterms:created>
  <dcterms:modified xsi:type="dcterms:W3CDTF">2022-05-23T08:05:3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11-17T10:54:09</vt:lpwstr>
  </property>
  <property fmtid="{D5CDD505-2E9C-101B-9397-08002B2CF9AE}" pid="3" name="ContentTypeId">
    <vt:lpwstr>0x010100E63C9879E1B905489B038C8C8B86115C</vt:lpwstr>
  </property>
  <property fmtid="{D5CDD505-2E9C-101B-9397-08002B2CF9AE}" pid="4" name="TemplafyTenantId">
    <vt:lpwstr>erasmusmc</vt:lpwstr>
  </property>
  <property fmtid="{D5CDD505-2E9C-101B-9397-08002B2CF9AE}" pid="5" name="TemplafyTemplateId">
    <vt:lpwstr>637727432487719242</vt:lpwstr>
  </property>
  <property fmtid="{D5CDD505-2E9C-101B-9397-08002B2CF9AE}" pid="6" name="TemplafyUserProfileId">
    <vt:lpwstr>637737680548230401</vt:lpwstr>
  </property>
  <property fmtid="{D5CDD505-2E9C-101B-9397-08002B2CF9AE}" pid="7" name="TemplafyFromBlank">
    <vt:bool>true</vt:bool>
  </property>
</Properties>
</file>